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"/>
  </p:sldMasterIdLst>
  <p:notesMasterIdLst>
    <p:notesMasterId r:id="rId18"/>
  </p:notesMasterIdLst>
  <p:sldIdLst>
    <p:sldId id="258" r:id="rId4"/>
    <p:sldId id="263" r:id="rId5"/>
    <p:sldId id="264" r:id="rId6"/>
    <p:sldId id="259" r:id="rId7"/>
    <p:sldId id="276" r:id="rId8"/>
    <p:sldId id="284" r:id="rId9"/>
    <p:sldId id="281" r:id="rId10"/>
    <p:sldId id="287" r:id="rId11"/>
    <p:sldId id="285" r:id="rId12"/>
    <p:sldId id="288" r:id="rId13"/>
    <p:sldId id="271" r:id="rId14"/>
    <p:sldId id="272" r:id="rId15"/>
    <p:sldId id="289" r:id="rId16"/>
    <p:sldId id="261" r:id="rId1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FF5E2B3-11A4-4C71-A309-2A1BB9E829AB}" v="13" dt="2025-11-04T11:31:10.57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2" autoAdjust="0"/>
  </p:normalViewPr>
  <p:slideViewPr>
    <p:cSldViewPr snapToGrid="0" showGuides="1">
      <p:cViewPr varScale="1">
        <p:scale>
          <a:sx n="74" d="100"/>
          <a:sy n="74" d="100"/>
        </p:scale>
        <p:origin x="188" y="7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notesMaster" Target="notesMasters/notesMaster1.xml"/><Relationship Id="rId3" Type="http://schemas.openxmlformats.org/officeDocument/2006/relationships/slideMaster" Target="slideMasters/slideMaster1.xml"/><Relationship Id="rId21" Type="http://schemas.openxmlformats.org/officeDocument/2006/relationships/theme" Target="theme/theme1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microsoft.com/office/2015/10/relationships/revisionInfo" Target="revisionInfo.xml"/><Relationship Id="rId10" Type="http://schemas.openxmlformats.org/officeDocument/2006/relationships/slide" Target="slides/slide7.xml"/><Relationship Id="rId19" Type="http://schemas.openxmlformats.org/officeDocument/2006/relationships/presProps" Target="presProps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tableStyles" Target="tableStyle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3_2">
  <dgm:title val=""/>
  <dgm:desc val=""/>
  <dgm:catLst>
    <dgm:cat type="accent3" pri="11200"/>
  </dgm:catLst>
  <dgm:styleLbl name="node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ln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55C31BCC-C1C2-4170-B147-6D4BD7017070}" type="doc">
      <dgm:prSet loTypeId="urn:microsoft.com/office/officeart/2005/8/layout/default" loCatId="list" qsTypeId="urn:microsoft.com/office/officeart/2005/8/quickstyle/simple2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53D0AAA3-B05B-4055-A820-B677F47D9B5B}">
      <dgm:prSet/>
      <dgm:spPr/>
      <dgm:t>
        <a:bodyPr/>
        <a:lstStyle/>
        <a:p>
          <a:r>
            <a:rPr lang="da-DK" dirty="0"/>
            <a:t>Forklaring af begreber og teorier</a:t>
          </a:r>
          <a:endParaRPr lang="en-US" dirty="0"/>
        </a:p>
      </dgm:t>
    </dgm:pt>
    <dgm:pt modelId="{4380F80B-D240-4CF2-94C4-51D0D1F2572D}" type="parTrans" cxnId="{ECF39E5A-C45E-4816-B6BE-D318AAFACE50}">
      <dgm:prSet/>
      <dgm:spPr/>
      <dgm:t>
        <a:bodyPr/>
        <a:lstStyle/>
        <a:p>
          <a:endParaRPr lang="en-US"/>
        </a:p>
      </dgm:t>
    </dgm:pt>
    <dgm:pt modelId="{A4E70C80-72D2-4DEC-9A99-DBAE56AD36F0}" type="sibTrans" cxnId="{ECF39E5A-C45E-4816-B6BE-D318AAFACE50}">
      <dgm:prSet/>
      <dgm:spPr/>
      <dgm:t>
        <a:bodyPr/>
        <a:lstStyle/>
        <a:p>
          <a:endParaRPr lang="en-US"/>
        </a:p>
      </dgm:t>
    </dgm:pt>
    <dgm:pt modelId="{8038D9F3-F08B-4BED-A359-09673750A30B}">
      <dgm:prSet/>
      <dgm:spPr/>
      <dgm:t>
        <a:bodyPr/>
        <a:lstStyle/>
        <a:p>
          <a:r>
            <a:rPr lang="da-DK" dirty="0"/>
            <a:t>Sammenfatning af tekster</a:t>
          </a:r>
          <a:endParaRPr lang="en-US" dirty="0"/>
        </a:p>
      </dgm:t>
    </dgm:pt>
    <dgm:pt modelId="{CB0F8CB6-E2CE-4A1A-AFCA-C6AECF74BC54}" type="parTrans" cxnId="{284AC2E5-7E62-44C5-BE5B-34598712D61D}">
      <dgm:prSet/>
      <dgm:spPr/>
      <dgm:t>
        <a:bodyPr/>
        <a:lstStyle/>
        <a:p>
          <a:endParaRPr lang="en-US"/>
        </a:p>
      </dgm:t>
    </dgm:pt>
    <dgm:pt modelId="{D77FE11E-7F04-40DF-8961-8A83A43C755C}" type="sibTrans" cxnId="{284AC2E5-7E62-44C5-BE5B-34598712D61D}">
      <dgm:prSet/>
      <dgm:spPr/>
      <dgm:t>
        <a:bodyPr/>
        <a:lstStyle/>
        <a:p>
          <a:endParaRPr lang="en-US"/>
        </a:p>
      </dgm:t>
    </dgm:pt>
    <dgm:pt modelId="{4DE56518-A746-416D-96F0-57F87655937F}">
      <dgm:prSet/>
      <dgm:spPr/>
      <dgm:t>
        <a:bodyPr/>
        <a:lstStyle/>
        <a:p>
          <a:r>
            <a:rPr lang="da-DK" dirty="0"/>
            <a:t>Forberedelse til eksamen</a:t>
          </a:r>
          <a:endParaRPr lang="en-US" dirty="0"/>
        </a:p>
      </dgm:t>
    </dgm:pt>
    <dgm:pt modelId="{B30D32B7-8DB2-46ED-ACC2-0A6506FB996A}" type="parTrans" cxnId="{AAD7AF65-25DC-4C9D-8166-5BC695D514FA}">
      <dgm:prSet/>
      <dgm:spPr/>
      <dgm:t>
        <a:bodyPr/>
        <a:lstStyle/>
        <a:p>
          <a:endParaRPr lang="en-US"/>
        </a:p>
      </dgm:t>
    </dgm:pt>
    <dgm:pt modelId="{0EB887C8-120E-448D-9D23-3E1B5B64D9A7}" type="sibTrans" cxnId="{AAD7AF65-25DC-4C9D-8166-5BC695D514FA}">
      <dgm:prSet/>
      <dgm:spPr/>
      <dgm:t>
        <a:bodyPr/>
        <a:lstStyle/>
        <a:p>
          <a:endParaRPr lang="en-US"/>
        </a:p>
      </dgm:t>
    </dgm:pt>
    <dgm:pt modelId="{CF80259E-73C5-48DB-86BC-498BE5261541}">
      <dgm:prSet/>
      <dgm:spPr/>
      <dgm:t>
        <a:bodyPr/>
        <a:lstStyle/>
        <a:p>
          <a:r>
            <a:rPr lang="da-DK" dirty="0"/>
            <a:t>Sammenligning af teorier eller metoder</a:t>
          </a:r>
          <a:endParaRPr lang="en-US" dirty="0"/>
        </a:p>
      </dgm:t>
    </dgm:pt>
    <dgm:pt modelId="{53D5A455-2574-47D9-8F7D-01525D28B51D}" type="parTrans" cxnId="{F39DEDC3-8FB6-435D-966D-01C2D990D940}">
      <dgm:prSet/>
      <dgm:spPr/>
      <dgm:t>
        <a:bodyPr/>
        <a:lstStyle/>
        <a:p>
          <a:endParaRPr lang="en-US"/>
        </a:p>
      </dgm:t>
    </dgm:pt>
    <dgm:pt modelId="{A757D5FF-6483-4C92-B948-08B422A171B2}" type="sibTrans" cxnId="{F39DEDC3-8FB6-435D-966D-01C2D990D940}">
      <dgm:prSet/>
      <dgm:spPr/>
      <dgm:t>
        <a:bodyPr/>
        <a:lstStyle/>
        <a:p>
          <a:endParaRPr lang="en-US"/>
        </a:p>
      </dgm:t>
    </dgm:pt>
    <dgm:pt modelId="{ECBDAA98-BDA3-4CC9-9E3A-D3BE092C9C5B}">
      <dgm:prSet/>
      <dgm:spPr/>
      <dgm:t>
        <a:bodyPr/>
        <a:lstStyle/>
        <a:p>
          <a:r>
            <a:rPr lang="da-DK" dirty="0"/>
            <a:t>Generering af idéer</a:t>
          </a:r>
          <a:endParaRPr lang="en-US" dirty="0"/>
        </a:p>
      </dgm:t>
    </dgm:pt>
    <dgm:pt modelId="{150A0A30-7071-40BC-A42B-E26597F9C9CE}" type="parTrans" cxnId="{6ACB132B-EB5C-4005-AB31-C35318885F35}">
      <dgm:prSet/>
      <dgm:spPr/>
      <dgm:t>
        <a:bodyPr/>
        <a:lstStyle/>
        <a:p>
          <a:endParaRPr lang="en-US"/>
        </a:p>
      </dgm:t>
    </dgm:pt>
    <dgm:pt modelId="{91831BD5-E74A-4515-9B65-1C5D93B00BBD}" type="sibTrans" cxnId="{6ACB132B-EB5C-4005-AB31-C35318885F35}">
      <dgm:prSet/>
      <dgm:spPr/>
      <dgm:t>
        <a:bodyPr/>
        <a:lstStyle/>
        <a:p>
          <a:endParaRPr lang="en-US"/>
        </a:p>
      </dgm:t>
    </dgm:pt>
    <dgm:pt modelId="{B7AEB59F-6A62-4A78-9EBD-C2B99959F9D4}">
      <dgm:prSet/>
      <dgm:spPr/>
      <dgm:t>
        <a:bodyPr/>
        <a:lstStyle/>
        <a:p>
          <a:r>
            <a:rPr lang="da-DK" dirty="0"/>
            <a:t>Strukturering af opgaver   </a:t>
          </a:r>
          <a:endParaRPr lang="en-US" dirty="0"/>
        </a:p>
      </dgm:t>
    </dgm:pt>
    <dgm:pt modelId="{68168410-9BFE-458F-BD21-68F2A1C55EF4}" type="parTrans" cxnId="{D8EC8F17-1C3C-4E59-AAE6-C32078210C47}">
      <dgm:prSet/>
      <dgm:spPr/>
      <dgm:t>
        <a:bodyPr/>
        <a:lstStyle/>
        <a:p>
          <a:endParaRPr lang="en-US"/>
        </a:p>
      </dgm:t>
    </dgm:pt>
    <dgm:pt modelId="{0C1DDB5F-5DE6-409F-A693-4A23E5B8984C}" type="sibTrans" cxnId="{D8EC8F17-1C3C-4E59-AAE6-C32078210C47}">
      <dgm:prSet/>
      <dgm:spPr/>
      <dgm:t>
        <a:bodyPr/>
        <a:lstStyle/>
        <a:p>
          <a:endParaRPr lang="en-US"/>
        </a:p>
      </dgm:t>
    </dgm:pt>
    <dgm:pt modelId="{C9C65E7E-9C99-416A-8259-7605226BC132}">
      <dgm:prSet/>
      <dgm:spPr/>
      <dgm:t>
        <a:bodyPr/>
        <a:lstStyle/>
        <a:p>
          <a:r>
            <a:rPr lang="da-DK" dirty="0"/>
            <a:t>Formulering af problemstillinger</a:t>
          </a:r>
          <a:endParaRPr lang="en-US" dirty="0"/>
        </a:p>
      </dgm:t>
    </dgm:pt>
    <dgm:pt modelId="{584EED33-EF09-4CC2-8E8E-A98BB4B1AB23}" type="parTrans" cxnId="{7D93ED19-4C51-46F4-A712-40E0BB1BE8A4}">
      <dgm:prSet/>
      <dgm:spPr/>
      <dgm:t>
        <a:bodyPr/>
        <a:lstStyle/>
        <a:p>
          <a:endParaRPr lang="en-US"/>
        </a:p>
      </dgm:t>
    </dgm:pt>
    <dgm:pt modelId="{52BA196C-7D87-410F-B397-6E8227BF031A}" type="sibTrans" cxnId="{7D93ED19-4C51-46F4-A712-40E0BB1BE8A4}">
      <dgm:prSet/>
      <dgm:spPr/>
      <dgm:t>
        <a:bodyPr/>
        <a:lstStyle/>
        <a:p>
          <a:endParaRPr lang="en-US"/>
        </a:p>
      </dgm:t>
    </dgm:pt>
    <dgm:pt modelId="{215280E3-D57F-4758-80DA-58C52606D91B}">
      <dgm:prSet/>
      <dgm:spPr/>
      <dgm:t>
        <a:bodyPr/>
        <a:lstStyle/>
        <a:p>
          <a:r>
            <a:rPr lang="da-DK" dirty="0"/>
            <a:t>Feedback på tekst</a:t>
          </a:r>
          <a:endParaRPr lang="en-US" dirty="0"/>
        </a:p>
      </dgm:t>
    </dgm:pt>
    <dgm:pt modelId="{07F3A08D-363A-4070-A99F-4198B0A72B1E}" type="parTrans" cxnId="{357D2F1E-76BC-4EAE-AAD5-1DE378688454}">
      <dgm:prSet/>
      <dgm:spPr/>
      <dgm:t>
        <a:bodyPr/>
        <a:lstStyle/>
        <a:p>
          <a:endParaRPr lang="en-US"/>
        </a:p>
      </dgm:t>
    </dgm:pt>
    <dgm:pt modelId="{0EB3E71F-E7B4-48D5-98CD-E65EFD205ECD}" type="sibTrans" cxnId="{357D2F1E-76BC-4EAE-AAD5-1DE378688454}">
      <dgm:prSet/>
      <dgm:spPr/>
      <dgm:t>
        <a:bodyPr/>
        <a:lstStyle/>
        <a:p>
          <a:endParaRPr lang="en-US"/>
        </a:p>
      </dgm:t>
    </dgm:pt>
    <dgm:pt modelId="{8BC15B8B-9AAC-4618-9A1A-A1DC17FCEF0C}">
      <dgm:prSet/>
      <dgm:spPr/>
      <dgm:t>
        <a:bodyPr/>
        <a:lstStyle/>
        <a:p>
          <a:r>
            <a:rPr lang="da-DK" dirty="0"/>
            <a:t>Kildekritik og refleksion</a:t>
          </a:r>
          <a:endParaRPr lang="en-US" dirty="0"/>
        </a:p>
      </dgm:t>
    </dgm:pt>
    <dgm:pt modelId="{05B5B715-75A4-4006-A6F5-EC77C6EAA1EA}" type="parTrans" cxnId="{7E2D652B-3D2E-419D-8C45-46C94F7F2C4B}">
      <dgm:prSet/>
      <dgm:spPr/>
      <dgm:t>
        <a:bodyPr/>
        <a:lstStyle/>
        <a:p>
          <a:endParaRPr lang="en-US"/>
        </a:p>
      </dgm:t>
    </dgm:pt>
    <dgm:pt modelId="{62135702-4798-4824-BE12-C1EBC1BF622C}" type="sibTrans" cxnId="{7E2D652B-3D2E-419D-8C45-46C94F7F2C4B}">
      <dgm:prSet/>
      <dgm:spPr/>
      <dgm:t>
        <a:bodyPr/>
        <a:lstStyle/>
        <a:p>
          <a:endParaRPr lang="en-US"/>
        </a:p>
      </dgm:t>
    </dgm:pt>
    <dgm:pt modelId="{BB05540D-68D7-44D9-994F-30D30E7E70A8}">
      <dgm:prSet/>
      <dgm:spPr/>
      <dgm:t>
        <a:bodyPr/>
        <a:lstStyle/>
        <a:p>
          <a:r>
            <a:rPr lang="da-DK" dirty="0"/>
            <a:t>Studieplanlægning</a:t>
          </a:r>
          <a:endParaRPr lang="en-US" dirty="0"/>
        </a:p>
      </dgm:t>
    </dgm:pt>
    <dgm:pt modelId="{25141054-80E9-4FC8-A3BE-44DCCD030B51}" type="parTrans" cxnId="{2806E721-1DE0-423B-AA4D-E2C426A15B91}">
      <dgm:prSet/>
      <dgm:spPr/>
      <dgm:t>
        <a:bodyPr/>
        <a:lstStyle/>
        <a:p>
          <a:endParaRPr lang="en-US"/>
        </a:p>
      </dgm:t>
    </dgm:pt>
    <dgm:pt modelId="{6CA015FA-41E2-478D-9ACC-70FA5D7B059E}" type="sibTrans" cxnId="{2806E721-1DE0-423B-AA4D-E2C426A15B91}">
      <dgm:prSet/>
      <dgm:spPr/>
      <dgm:t>
        <a:bodyPr/>
        <a:lstStyle/>
        <a:p>
          <a:endParaRPr lang="en-US"/>
        </a:p>
      </dgm:t>
    </dgm:pt>
    <dgm:pt modelId="{626326E5-0F1E-478F-8943-8E9DC0E62317}">
      <dgm:prSet/>
      <dgm:spPr/>
      <dgm:t>
        <a:bodyPr/>
        <a:lstStyle/>
        <a:p>
          <a:r>
            <a:rPr lang="da-DK" dirty="0"/>
            <a:t>Refleksion over egen læring</a:t>
          </a:r>
          <a:endParaRPr lang="en-US" dirty="0"/>
        </a:p>
      </dgm:t>
    </dgm:pt>
    <dgm:pt modelId="{4ED7CD91-452A-4547-BEEC-D83B92422110}" type="parTrans" cxnId="{5E6D8E66-1262-4F60-99C6-0C4C8AD5FB2E}">
      <dgm:prSet/>
      <dgm:spPr/>
      <dgm:t>
        <a:bodyPr/>
        <a:lstStyle/>
        <a:p>
          <a:endParaRPr lang="en-US"/>
        </a:p>
      </dgm:t>
    </dgm:pt>
    <dgm:pt modelId="{54F68B26-995D-41FA-BB73-BE37626A6B1E}" type="sibTrans" cxnId="{5E6D8E66-1262-4F60-99C6-0C4C8AD5FB2E}">
      <dgm:prSet/>
      <dgm:spPr/>
      <dgm:t>
        <a:bodyPr/>
        <a:lstStyle/>
        <a:p>
          <a:endParaRPr lang="en-US"/>
        </a:p>
      </dgm:t>
    </dgm:pt>
    <dgm:pt modelId="{C932F87F-97FA-4929-B37A-D8175EA78C8D}">
      <dgm:prSet/>
      <dgm:spPr/>
      <dgm:t>
        <a:bodyPr/>
        <a:lstStyle/>
        <a:p>
          <a:r>
            <a:rPr lang="da-DK" dirty="0"/>
            <a:t>Sproglig støtte</a:t>
          </a:r>
          <a:endParaRPr lang="en-US" dirty="0"/>
        </a:p>
      </dgm:t>
    </dgm:pt>
    <dgm:pt modelId="{1A7483A1-1445-4277-8866-AB2CBCF83555}" type="parTrans" cxnId="{CBEDB561-DCC2-4B52-92D4-FA198CC8AEC6}">
      <dgm:prSet/>
      <dgm:spPr/>
      <dgm:t>
        <a:bodyPr/>
        <a:lstStyle/>
        <a:p>
          <a:endParaRPr lang="en-US"/>
        </a:p>
      </dgm:t>
    </dgm:pt>
    <dgm:pt modelId="{901A0062-B1C3-4DA1-A3E5-25203C81DE00}" type="sibTrans" cxnId="{CBEDB561-DCC2-4B52-92D4-FA198CC8AEC6}">
      <dgm:prSet/>
      <dgm:spPr/>
      <dgm:t>
        <a:bodyPr/>
        <a:lstStyle/>
        <a:p>
          <a:endParaRPr lang="en-US"/>
        </a:p>
      </dgm:t>
    </dgm:pt>
    <dgm:pt modelId="{E17BAFE8-9785-4726-82BF-F3A93652F62F}" type="pres">
      <dgm:prSet presAssocID="{55C31BCC-C1C2-4170-B147-6D4BD7017070}" presName="diagram" presStyleCnt="0">
        <dgm:presLayoutVars>
          <dgm:dir/>
          <dgm:resizeHandles val="exact"/>
        </dgm:presLayoutVars>
      </dgm:prSet>
      <dgm:spPr/>
    </dgm:pt>
    <dgm:pt modelId="{AAAE5EA7-A40D-4321-982D-163DE63137A9}" type="pres">
      <dgm:prSet presAssocID="{53D0AAA3-B05B-4055-A820-B677F47D9B5B}" presName="node" presStyleLbl="node1" presStyleIdx="0" presStyleCnt="12">
        <dgm:presLayoutVars>
          <dgm:bulletEnabled val="1"/>
        </dgm:presLayoutVars>
      </dgm:prSet>
      <dgm:spPr/>
    </dgm:pt>
    <dgm:pt modelId="{5719446F-F2B3-4031-B7F7-AE9650237F72}" type="pres">
      <dgm:prSet presAssocID="{A4E70C80-72D2-4DEC-9A99-DBAE56AD36F0}" presName="sibTrans" presStyleCnt="0"/>
      <dgm:spPr/>
    </dgm:pt>
    <dgm:pt modelId="{11F97803-FB1C-410B-A757-C6F24A3B5C6D}" type="pres">
      <dgm:prSet presAssocID="{8038D9F3-F08B-4BED-A359-09673750A30B}" presName="node" presStyleLbl="node1" presStyleIdx="1" presStyleCnt="12">
        <dgm:presLayoutVars>
          <dgm:bulletEnabled val="1"/>
        </dgm:presLayoutVars>
      </dgm:prSet>
      <dgm:spPr/>
    </dgm:pt>
    <dgm:pt modelId="{59DB9236-781B-4F3A-ACD4-216CF3FF9F08}" type="pres">
      <dgm:prSet presAssocID="{D77FE11E-7F04-40DF-8961-8A83A43C755C}" presName="sibTrans" presStyleCnt="0"/>
      <dgm:spPr/>
    </dgm:pt>
    <dgm:pt modelId="{1FB18147-E943-4A04-98CC-5BA4DFBEFFA3}" type="pres">
      <dgm:prSet presAssocID="{4DE56518-A746-416D-96F0-57F87655937F}" presName="node" presStyleLbl="node1" presStyleIdx="2" presStyleCnt="12">
        <dgm:presLayoutVars>
          <dgm:bulletEnabled val="1"/>
        </dgm:presLayoutVars>
      </dgm:prSet>
      <dgm:spPr/>
    </dgm:pt>
    <dgm:pt modelId="{4C275C51-E9C0-41C3-9AC0-EED83E25C148}" type="pres">
      <dgm:prSet presAssocID="{0EB887C8-120E-448D-9D23-3E1B5B64D9A7}" presName="sibTrans" presStyleCnt="0"/>
      <dgm:spPr/>
    </dgm:pt>
    <dgm:pt modelId="{4D8A9C60-4239-48E4-A985-8FC7DDD1E59C}" type="pres">
      <dgm:prSet presAssocID="{CF80259E-73C5-48DB-86BC-498BE5261541}" presName="node" presStyleLbl="node1" presStyleIdx="3" presStyleCnt="12">
        <dgm:presLayoutVars>
          <dgm:bulletEnabled val="1"/>
        </dgm:presLayoutVars>
      </dgm:prSet>
      <dgm:spPr/>
    </dgm:pt>
    <dgm:pt modelId="{6B05E23C-582A-4D68-B354-FA7628C92E1D}" type="pres">
      <dgm:prSet presAssocID="{A757D5FF-6483-4C92-B948-08B422A171B2}" presName="sibTrans" presStyleCnt="0"/>
      <dgm:spPr/>
    </dgm:pt>
    <dgm:pt modelId="{B84CD316-02B1-4A28-BE67-A24A069DB3FE}" type="pres">
      <dgm:prSet presAssocID="{ECBDAA98-BDA3-4CC9-9E3A-D3BE092C9C5B}" presName="node" presStyleLbl="node1" presStyleIdx="4" presStyleCnt="12">
        <dgm:presLayoutVars>
          <dgm:bulletEnabled val="1"/>
        </dgm:presLayoutVars>
      </dgm:prSet>
      <dgm:spPr/>
    </dgm:pt>
    <dgm:pt modelId="{280D4D4C-DBF0-42D7-8671-9ABB767D71BF}" type="pres">
      <dgm:prSet presAssocID="{91831BD5-E74A-4515-9B65-1C5D93B00BBD}" presName="sibTrans" presStyleCnt="0"/>
      <dgm:spPr/>
    </dgm:pt>
    <dgm:pt modelId="{8EA10D45-2F68-42C4-B242-3CC4DF162DFF}" type="pres">
      <dgm:prSet presAssocID="{B7AEB59F-6A62-4A78-9EBD-C2B99959F9D4}" presName="node" presStyleLbl="node1" presStyleIdx="5" presStyleCnt="12">
        <dgm:presLayoutVars>
          <dgm:bulletEnabled val="1"/>
        </dgm:presLayoutVars>
      </dgm:prSet>
      <dgm:spPr/>
    </dgm:pt>
    <dgm:pt modelId="{6FC09926-E1CF-48E3-97A7-01DDC63BFE38}" type="pres">
      <dgm:prSet presAssocID="{0C1DDB5F-5DE6-409F-A693-4A23E5B8984C}" presName="sibTrans" presStyleCnt="0"/>
      <dgm:spPr/>
    </dgm:pt>
    <dgm:pt modelId="{2360C309-4F1A-4FC8-954C-4034A13261ED}" type="pres">
      <dgm:prSet presAssocID="{C9C65E7E-9C99-416A-8259-7605226BC132}" presName="node" presStyleLbl="node1" presStyleIdx="6" presStyleCnt="12">
        <dgm:presLayoutVars>
          <dgm:bulletEnabled val="1"/>
        </dgm:presLayoutVars>
      </dgm:prSet>
      <dgm:spPr/>
    </dgm:pt>
    <dgm:pt modelId="{30261172-77A9-4F3E-9777-215968C22F7D}" type="pres">
      <dgm:prSet presAssocID="{52BA196C-7D87-410F-B397-6E8227BF031A}" presName="sibTrans" presStyleCnt="0"/>
      <dgm:spPr/>
    </dgm:pt>
    <dgm:pt modelId="{E9DD8A33-D4D4-487D-8965-5F1E55945AD7}" type="pres">
      <dgm:prSet presAssocID="{215280E3-D57F-4758-80DA-58C52606D91B}" presName="node" presStyleLbl="node1" presStyleIdx="7" presStyleCnt="12">
        <dgm:presLayoutVars>
          <dgm:bulletEnabled val="1"/>
        </dgm:presLayoutVars>
      </dgm:prSet>
      <dgm:spPr/>
    </dgm:pt>
    <dgm:pt modelId="{7EE678D0-160E-438C-83DC-81434C875E4F}" type="pres">
      <dgm:prSet presAssocID="{0EB3E71F-E7B4-48D5-98CD-E65EFD205ECD}" presName="sibTrans" presStyleCnt="0"/>
      <dgm:spPr/>
    </dgm:pt>
    <dgm:pt modelId="{D9A18864-31EC-4CA5-88FE-D08B24EE4528}" type="pres">
      <dgm:prSet presAssocID="{8BC15B8B-9AAC-4618-9A1A-A1DC17FCEF0C}" presName="node" presStyleLbl="node1" presStyleIdx="8" presStyleCnt="12">
        <dgm:presLayoutVars>
          <dgm:bulletEnabled val="1"/>
        </dgm:presLayoutVars>
      </dgm:prSet>
      <dgm:spPr/>
    </dgm:pt>
    <dgm:pt modelId="{D7FD271F-4477-419B-8602-585ED4E639B5}" type="pres">
      <dgm:prSet presAssocID="{62135702-4798-4824-BE12-C1EBC1BF622C}" presName="sibTrans" presStyleCnt="0"/>
      <dgm:spPr/>
    </dgm:pt>
    <dgm:pt modelId="{E8C23ED4-D2D2-40A4-8283-3130FC30A3E8}" type="pres">
      <dgm:prSet presAssocID="{BB05540D-68D7-44D9-994F-30D30E7E70A8}" presName="node" presStyleLbl="node1" presStyleIdx="9" presStyleCnt="12">
        <dgm:presLayoutVars>
          <dgm:bulletEnabled val="1"/>
        </dgm:presLayoutVars>
      </dgm:prSet>
      <dgm:spPr/>
    </dgm:pt>
    <dgm:pt modelId="{28050368-4628-4443-A9F4-A3E2A9B8DE38}" type="pres">
      <dgm:prSet presAssocID="{6CA015FA-41E2-478D-9ACC-70FA5D7B059E}" presName="sibTrans" presStyleCnt="0"/>
      <dgm:spPr/>
    </dgm:pt>
    <dgm:pt modelId="{6089CA83-D8BC-48AA-BFC3-EA01EFE88658}" type="pres">
      <dgm:prSet presAssocID="{626326E5-0F1E-478F-8943-8E9DC0E62317}" presName="node" presStyleLbl="node1" presStyleIdx="10" presStyleCnt="12">
        <dgm:presLayoutVars>
          <dgm:bulletEnabled val="1"/>
        </dgm:presLayoutVars>
      </dgm:prSet>
      <dgm:spPr/>
    </dgm:pt>
    <dgm:pt modelId="{3A617B2D-EFB7-4A72-88C6-58C9C73DBBF7}" type="pres">
      <dgm:prSet presAssocID="{54F68B26-995D-41FA-BB73-BE37626A6B1E}" presName="sibTrans" presStyleCnt="0"/>
      <dgm:spPr/>
    </dgm:pt>
    <dgm:pt modelId="{44D46FA4-67B5-4F51-B684-EE988014695B}" type="pres">
      <dgm:prSet presAssocID="{C932F87F-97FA-4929-B37A-D8175EA78C8D}" presName="node" presStyleLbl="node1" presStyleIdx="11" presStyleCnt="12">
        <dgm:presLayoutVars>
          <dgm:bulletEnabled val="1"/>
        </dgm:presLayoutVars>
      </dgm:prSet>
      <dgm:spPr/>
    </dgm:pt>
  </dgm:ptLst>
  <dgm:cxnLst>
    <dgm:cxn modelId="{D9634516-FC33-461A-8B5D-BE04603F3C0D}" type="presOf" srcId="{C9C65E7E-9C99-416A-8259-7605226BC132}" destId="{2360C309-4F1A-4FC8-954C-4034A13261ED}" srcOrd="0" destOrd="0" presId="urn:microsoft.com/office/officeart/2005/8/layout/default"/>
    <dgm:cxn modelId="{D8EC8F17-1C3C-4E59-AAE6-C32078210C47}" srcId="{55C31BCC-C1C2-4170-B147-6D4BD7017070}" destId="{B7AEB59F-6A62-4A78-9EBD-C2B99959F9D4}" srcOrd="5" destOrd="0" parTransId="{68168410-9BFE-458F-BD21-68F2A1C55EF4}" sibTransId="{0C1DDB5F-5DE6-409F-A693-4A23E5B8984C}"/>
    <dgm:cxn modelId="{B3D87F19-8455-480D-8226-F23AFD96340F}" type="presOf" srcId="{8BC15B8B-9AAC-4618-9A1A-A1DC17FCEF0C}" destId="{D9A18864-31EC-4CA5-88FE-D08B24EE4528}" srcOrd="0" destOrd="0" presId="urn:microsoft.com/office/officeart/2005/8/layout/default"/>
    <dgm:cxn modelId="{7D93ED19-4C51-46F4-A712-40E0BB1BE8A4}" srcId="{55C31BCC-C1C2-4170-B147-6D4BD7017070}" destId="{C9C65E7E-9C99-416A-8259-7605226BC132}" srcOrd="6" destOrd="0" parTransId="{584EED33-EF09-4CC2-8E8E-A98BB4B1AB23}" sibTransId="{52BA196C-7D87-410F-B397-6E8227BF031A}"/>
    <dgm:cxn modelId="{357D2F1E-76BC-4EAE-AAD5-1DE378688454}" srcId="{55C31BCC-C1C2-4170-B147-6D4BD7017070}" destId="{215280E3-D57F-4758-80DA-58C52606D91B}" srcOrd="7" destOrd="0" parTransId="{07F3A08D-363A-4070-A99F-4198B0A72B1E}" sibTransId="{0EB3E71F-E7B4-48D5-98CD-E65EFD205ECD}"/>
    <dgm:cxn modelId="{2806E721-1DE0-423B-AA4D-E2C426A15B91}" srcId="{55C31BCC-C1C2-4170-B147-6D4BD7017070}" destId="{BB05540D-68D7-44D9-994F-30D30E7E70A8}" srcOrd="9" destOrd="0" parTransId="{25141054-80E9-4FC8-A3BE-44DCCD030B51}" sibTransId="{6CA015FA-41E2-478D-9ACC-70FA5D7B059E}"/>
    <dgm:cxn modelId="{9D51AC24-4EA0-4A80-8B18-93902AE30B38}" type="presOf" srcId="{BB05540D-68D7-44D9-994F-30D30E7E70A8}" destId="{E8C23ED4-D2D2-40A4-8283-3130FC30A3E8}" srcOrd="0" destOrd="0" presId="urn:microsoft.com/office/officeart/2005/8/layout/default"/>
    <dgm:cxn modelId="{6ACB132B-EB5C-4005-AB31-C35318885F35}" srcId="{55C31BCC-C1C2-4170-B147-6D4BD7017070}" destId="{ECBDAA98-BDA3-4CC9-9E3A-D3BE092C9C5B}" srcOrd="4" destOrd="0" parTransId="{150A0A30-7071-40BC-A42B-E26597F9C9CE}" sibTransId="{91831BD5-E74A-4515-9B65-1C5D93B00BBD}"/>
    <dgm:cxn modelId="{7E2D652B-3D2E-419D-8C45-46C94F7F2C4B}" srcId="{55C31BCC-C1C2-4170-B147-6D4BD7017070}" destId="{8BC15B8B-9AAC-4618-9A1A-A1DC17FCEF0C}" srcOrd="8" destOrd="0" parTransId="{05B5B715-75A4-4006-A6F5-EC77C6EAA1EA}" sibTransId="{62135702-4798-4824-BE12-C1EBC1BF622C}"/>
    <dgm:cxn modelId="{20743332-7143-470E-8304-9DD99B4B8CFB}" type="presOf" srcId="{53D0AAA3-B05B-4055-A820-B677F47D9B5B}" destId="{AAAE5EA7-A40D-4321-982D-163DE63137A9}" srcOrd="0" destOrd="0" presId="urn:microsoft.com/office/officeart/2005/8/layout/default"/>
    <dgm:cxn modelId="{CBEDB561-DCC2-4B52-92D4-FA198CC8AEC6}" srcId="{55C31BCC-C1C2-4170-B147-6D4BD7017070}" destId="{C932F87F-97FA-4929-B37A-D8175EA78C8D}" srcOrd="11" destOrd="0" parTransId="{1A7483A1-1445-4277-8866-AB2CBCF83555}" sibTransId="{901A0062-B1C3-4DA1-A3E5-25203C81DE00}"/>
    <dgm:cxn modelId="{AAD7AF65-25DC-4C9D-8166-5BC695D514FA}" srcId="{55C31BCC-C1C2-4170-B147-6D4BD7017070}" destId="{4DE56518-A746-416D-96F0-57F87655937F}" srcOrd="2" destOrd="0" parTransId="{B30D32B7-8DB2-46ED-ACC2-0A6506FB996A}" sibTransId="{0EB887C8-120E-448D-9D23-3E1B5B64D9A7}"/>
    <dgm:cxn modelId="{5E6D8E66-1262-4F60-99C6-0C4C8AD5FB2E}" srcId="{55C31BCC-C1C2-4170-B147-6D4BD7017070}" destId="{626326E5-0F1E-478F-8943-8E9DC0E62317}" srcOrd="10" destOrd="0" parTransId="{4ED7CD91-452A-4547-BEEC-D83B92422110}" sibTransId="{54F68B26-995D-41FA-BB73-BE37626A6B1E}"/>
    <dgm:cxn modelId="{913C524F-484D-49B2-B5EF-1289F4979A82}" type="presOf" srcId="{8038D9F3-F08B-4BED-A359-09673750A30B}" destId="{11F97803-FB1C-410B-A757-C6F24A3B5C6D}" srcOrd="0" destOrd="0" presId="urn:microsoft.com/office/officeart/2005/8/layout/default"/>
    <dgm:cxn modelId="{ECF39E5A-C45E-4816-B6BE-D318AAFACE50}" srcId="{55C31BCC-C1C2-4170-B147-6D4BD7017070}" destId="{53D0AAA3-B05B-4055-A820-B677F47D9B5B}" srcOrd="0" destOrd="0" parTransId="{4380F80B-D240-4CF2-94C4-51D0D1F2572D}" sibTransId="{A4E70C80-72D2-4DEC-9A99-DBAE56AD36F0}"/>
    <dgm:cxn modelId="{62D92F99-1A09-4907-9AD7-E903CAAB872E}" type="presOf" srcId="{CF80259E-73C5-48DB-86BC-498BE5261541}" destId="{4D8A9C60-4239-48E4-A985-8FC7DDD1E59C}" srcOrd="0" destOrd="0" presId="urn:microsoft.com/office/officeart/2005/8/layout/default"/>
    <dgm:cxn modelId="{783B84A9-AC56-4F7B-B429-DF66ED66B4BA}" type="presOf" srcId="{215280E3-D57F-4758-80DA-58C52606D91B}" destId="{E9DD8A33-D4D4-487D-8965-5F1E55945AD7}" srcOrd="0" destOrd="0" presId="urn:microsoft.com/office/officeart/2005/8/layout/default"/>
    <dgm:cxn modelId="{31839FBE-DD8F-4FE6-8AB3-642CDA05B19B}" type="presOf" srcId="{ECBDAA98-BDA3-4CC9-9E3A-D3BE092C9C5B}" destId="{B84CD316-02B1-4A28-BE67-A24A069DB3FE}" srcOrd="0" destOrd="0" presId="urn:microsoft.com/office/officeart/2005/8/layout/default"/>
    <dgm:cxn modelId="{F39DEDC3-8FB6-435D-966D-01C2D990D940}" srcId="{55C31BCC-C1C2-4170-B147-6D4BD7017070}" destId="{CF80259E-73C5-48DB-86BC-498BE5261541}" srcOrd="3" destOrd="0" parTransId="{53D5A455-2574-47D9-8F7D-01525D28B51D}" sibTransId="{A757D5FF-6483-4C92-B948-08B422A171B2}"/>
    <dgm:cxn modelId="{9B41F7C5-CC95-4759-960C-BBB89F70C1E2}" type="presOf" srcId="{B7AEB59F-6A62-4A78-9EBD-C2B99959F9D4}" destId="{8EA10D45-2F68-42C4-B242-3CC4DF162DFF}" srcOrd="0" destOrd="0" presId="urn:microsoft.com/office/officeart/2005/8/layout/default"/>
    <dgm:cxn modelId="{17E60BC6-997F-4686-A4E7-CF37F85515AA}" type="presOf" srcId="{C932F87F-97FA-4929-B37A-D8175EA78C8D}" destId="{44D46FA4-67B5-4F51-B684-EE988014695B}" srcOrd="0" destOrd="0" presId="urn:microsoft.com/office/officeart/2005/8/layout/default"/>
    <dgm:cxn modelId="{A6BF3BCC-A052-4A97-94A4-8DBD97CF9B32}" type="presOf" srcId="{626326E5-0F1E-478F-8943-8E9DC0E62317}" destId="{6089CA83-D8BC-48AA-BFC3-EA01EFE88658}" srcOrd="0" destOrd="0" presId="urn:microsoft.com/office/officeart/2005/8/layout/default"/>
    <dgm:cxn modelId="{6272D7DB-D621-4CB4-86A5-23C0AFA6185E}" type="presOf" srcId="{4DE56518-A746-416D-96F0-57F87655937F}" destId="{1FB18147-E943-4A04-98CC-5BA4DFBEFFA3}" srcOrd="0" destOrd="0" presId="urn:microsoft.com/office/officeart/2005/8/layout/default"/>
    <dgm:cxn modelId="{284AC2E5-7E62-44C5-BE5B-34598712D61D}" srcId="{55C31BCC-C1C2-4170-B147-6D4BD7017070}" destId="{8038D9F3-F08B-4BED-A359-09673750A30B}" srcOrd="1" destOrd="0" parTransId="{CB0F8CB6-E2CE-4A1A-AFCA-C6AECF74BC54}" sibTransId="{D77FE11E-7F04-40DF-8961-8A83A43C755C}"/>
    <dgm:cxn modelId="{463B98E9-A5DF-457D-A5F7-88588EF82B58}" type="presOf" srcId="{55C31BCC-C1C2-4170-B147-6D4BD7017070}" destId="{E17BAFE8-9785-4726-82BF-F3A93652F62F}" srcOrd="0" destOrd="0" presId="urn:microsoft.com/office/officeart/2005/8/layout/default"/>
    <dgm:cxn modelId="{CC4E4CA9-AB93-417A-A983-0859BAA384AB}" type="presParOf" srcId="{E17BAFE8-9785-4726-82BF-F3A93652F62F}" destId="{AAAE5EA7-A40D-4321-982D-163DE63137A9}" srcOrd="0" destOrd="0" presId="urn:microsoft.com/office/officeart/2005/8/layout/default"/>
    <dgm:cxn modelId="{6E0EFC5C-6894-453D-A6BD-2F6D978502BE}" type="presParOf" srcId="{E17BAFE8-9785-4726-82BF-F3A93652F62F}" destId="{5719446F-F2B3-4031-B7F7-AE9650237F72}" srcOrd="1" destOrd="0" presId="urn:microsoft.com/office/officeart/2005/8/layout/default"/>
    <dgm:cxn modelId="{5A283F73-31ED-4CE8-ADEA-DD0C1F72CCA9}" type="presParOf" srcId="{E17BAFE8-9785-4726-82BF-F3A93652F62F}" destId="{11F97803-FB1C-410B-A757-C6F24A3B5C6D}" srcOrd="2" destOrd="0" presId="urn:microsoft.com/office/officeart/2005/8/layout/default"/>
    <dgm:cxn modelId="{F4C9B7BB-D9D0-4C0D-B71D-8FE239E046FA}" type="presParOf" srcId="{E17BAFE8-9785-4726-82BF-F3A93652F62F}" destId="{59DB9236-781B-4F3A-ACD4-216CF3FF9F08}" srcOrd="3" destOrd="0" presId="urn:microsoft.com/office/officeart/2005/8/layout/default"/>
    <dgm:cxn modelId="{9AB37172-7DEC-4C82-BD73-E2E9DF07CEB2}" type="presParOf" srcId="{E17BAFE8-9785-4726-82BF-F3A93652F62F}" destId="{1FB18147-E943-4A04-98CC-5BA4DFBEFFA3}" srcOrd="4" destOrd="0" presId="urn:microsoft.com/office/officeart/2005/8/layout/default"/>
    <dgm:cxn modelId="{D3EBA248-F36D-4568-9739-A327014D49FC}" type="presParOf" srcId="{E17BAFE8-9785-4726-82BF-F3A93652F62F}" destId="{4C275C51-E9C0-41C3-9AC0-EED83E25C148}" srcOrd="5" destOrd="0" presId="urn:microsoft.com/office/officeart/2005/8/layout/default"/>
    <dgm:cxn modelId="{540A8837-37A1-4F4F-8C8C-70696B7E427A}" type="presParOf" srcId="{E17BAFE8-9785-4726-82BF-F3A93652F62F}" destId="{4D8A9C60-4239-48E4-A985-8FC7DDD1E59C}" srcOrd="6" destOrd="0" presId="urn:microsoft.com/office/officeart/2005/8/layout/default"/>
    <dgm:cxn modelId="{B0B274A3-310D-4528-B9B8-FAC376249114}" type="presParOf" srcId="{E17BAFE8-9785-4726-82BF-F3A93652F62F}" destId="{6B05E23C-582A-4D68-B354-FA7628C92E1D}" srcOrd="7" destOrd="0" presId="urn:microsoft.com/office/officeart/2005/8/layout/default"/>
    <dgm:cxn modelId="{91A8CE11-831C-4590-970C-0C586C5E8F6F}" type="presParOf" srcId="{E17BAFE8-9785-4726-82BF-F3A93652F62F}" destId="{B84CD316-02B1-4A28-BE67-A24A069DB3FE}" srcOrd="8" destOrd="0" presId="urn:microsoft.com/office/officeart/2005/8/layout/default"/>
    <dgm:cxn modelId="{F12C7A9D-5975-4AEB-A3F1-A8030D15531D}" type="presParOf" srcId="{E17BAFE8-9785-4726-82BF-F3A93652F62F}" destId="{280D4D4C-DBF0-42D7-8671-9ABB767D71BF}" srcOrd="9" destOrd="0" presId="urn:microsoft.com/office/officeart/2005/8/layout/default"/>
    <dgm:cxn modelId="{F8D756E4-1D40-43E8-884A-575A1EC1F406}" type="presParOf" srcId="{E17BAFE8-9785-4726-82BF-F3A93652F62F}" destId="{8EA10D45-2F68-42C4-B242-3CC4DF162DFF}" srcOrd="10" destOrd="0" presId="urn:microsoft.com/office/officeart/2005/8/layout/default"/>
    <dgm:cxn modelId="{21C514AE-EF83-4A46-814B-8129401D6504}" type="presParOf" srcId="{E17BAFE8-9785-4726-82BF-F3A93652F62F}" destId="{6FC09926-E1CF-48E3-97A7-01DDC63BFE38}" srcOrd="11" destOrd="0" presId="urn:microsoft.com/office/officeart/2005/8/layout/default"/>
    <dgm:cxn modelId="{9340EED6-A40D-4E87-A4E4-AD892A35E047}" type="presParOf" srcId="{E17BAFE8-9785-4726-82BF-F3A93652F62F}" destId="{2360C309-4F1A-4FC8-954C-4034A13261ED}" srcOrd="12" destOrd="0" presId="urn:microsoft.com/office/officeart/2005/8/layout/default"/>
    <dgm:cxn modelId="{5E755108-D792-4631-A8D8-871CA8B7DC8F}" type="presParOf" srcId="{E17BAFE8-9785-4726-82BF-F3A93652F62F}" destId="{30261172-77A9-4F3E-9777-215968C22F7D}" srcOrd="13" destOrd="0" presId="urn:microsoft.com/office/officeart/2005/8/layout/default"/>
    <dgm:cxn modelId="{6FCF0567-1493-4DA3-A0AB-3DCC8823B70D}" type="presParOf" srcId="{E17BAFE8-9785-4726-82BF-F3A93652F62F}" destId="{E9DD8A33-D4D4-487D-8965-5F1E55945AD7}" srcOrd="14" destOrd="0" presId="urn:microsoft.com/office/officeart/2005/8/layout/default"/>
    <dgm:cxn modelId="{2EBF0787-6CC2-4D2E-B4E3-84688AC3FFDE}" type="presParOf" srcId="{E17BAFE8-9785-4726-82BF-F3A93652F62F}" destId="{7EE678D0-160E-438C-83DC-81434C875E4F}" srcOrd="15" destOrd="0" presId="urn:microsoft.com/office/officeart/2005/8/layout/default"/>
    <dgm:cxn modelId="{75AE23D5-0E11-43CB-A977-68DA440E9F4F}" type="presParOf" srcId="{E17BAFE8-9785-4726-82BF-F3A93652F62F}" destId="{D9A18864-31EC-4CA5-88FE-D08B24EE4528}" srcOrd="16" destOrd="0" presId="urn:microsoft.com/office/officeart/2005/8/layout/default"/>
    <dgm:cxn modelId="{04FB303A-1DCE-4F6E-93DF-A75F9D825416}" type="presParOf" srcId="{E17BAFE8-9785-4726-82BF-F3A93652F62F}" destId="{D7FD271F-4477-419B-8602-585ED4E639B5}" srcOrd="17" destOrd="0" presId="urn:microsoft.com/office/officeart/2005/8/layout/default"/>
    <dgm:cxn modelId="{BA475AFC-BD49-4F45-A3CC-C0A75AF0B51E}" type="presParOf" srcId="{E17BAFE8-9785-4726-82BF-F3A93652F62F}" destId="{E8C23ED4-D2D2-40A4-8283-3130FC30A3E8}" srcOrd="18" destOrd="0" presId="urn:microsoft.com/office/officeart/2005/8/layout/default"/>
    <dgm:cxn modelId="{F5BD7209-E022-40FA-9016-EED072AFCC79}" type="presParOf" srcId="{E17BAFE8-9785-4726-82BF-F3A93652F62F}" destId="{28050368-4628-4443-A9F4-A3E2A9B8DE38}" srcOrd="19" destOrd="0" presId="urn:microsoft.com/office/officeart/2005/8/layout/default"/>
    <dgm:cxn modelId="{2F3B2C91-1F35-4E55-85DC-3FADFC435614}" type="presParOf" srcId="{E17BAFE8-9785-4726-82BF-F3A93652F62F}" destId="{6089CA83-D8BC-48AA-BFC3-EA01EFE88658}" srcOrd="20" destOrd="0" presId="urn:microsoft.com/office/officeart/2005/8/layout/default"/>
    <dgm:cxn modelId="{4A612A06-CEA8-4457-AD7F-2712A6512078}" type="presParOf" srcId="{E17BAFE8-9785-4726-82BF-F3A93652F62F}" destId="{3A617B2D-EFB7-4A72-88C6-58C9C73DBBF7}" srcOrd="21" destOrd="0" presId="urn:microsoft.com/office/officeart/2005/8/layout/default"/>
    <dgm:cxn modelId="{EA593C73-D72C-4701-9A80-8F302F15BF8F}" type="presParOf" srcId="{E17BAFE8-9785-4726-82BF-F3A93652F62F}" destId="{44D46FA4-67B5-4F51-B684-EE988014695B}" srcOrd="22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D1E23FEA-A8A7-47ED-AA25-433851F32E6E}" type="doc">
      <dgm:prSet loTypeId="urn:microsoft.com/office/officeart/2005/8/layout/default" loCatId="list" qsTypeId="urn:microsoft.com/office/officeart/2005/8/quickstyle/simple2" qsCatId="simple" csTypeId="urn:microsoft.com/office/officeart/2005/8/colors/accent3_2" csCatId="accent3" phldr="1"/>
      <dgm:spPr/>
      <dgm:t>
        <a:bodyPr/>
        <a:lstStyle/>
        <a:p>
          <a:endParaRPr lang="en-US"/>
        </a:p>
      </dgm:t>
    </dgm:pt>
    <dgm:pt modelId="{D6234044-3354-4617-8E3D-8432BCCB3A0D}">
      <dgm:prSet/>
      <dgm:spPr/>
      <dgm:t>
        <a:bodyPr/>
        <a:lstStyle/>
        <a:p>
          <a:r>
            <a:rPr lang="da-DK" dirty="0"/>
            <a:t>Ikke en autoritativ kilde</a:t>
          </a:r>
          <a:endParaRPr lang="en-US" dirty="0"/>
        </a:p>
      </dgm:t>
    </dgm:pt>
    <dgm:pt modelId="{387D129B-6A91-4FEB-83EC-1C5D3BC85040}" type="parTrans" cxnId="{4D9E100F-9CEF-4200-A61C-42E63078A42D}">
      <dgm:prSet/>
      <dgm:spPr/>
      <dgm:t>
        <a:bodyPr/>
        <a:lstStyle/>
        <a:p>
          <a:endParaRPr lang="en-US"/>
        </a:p>
      </dgm:t>
    </dgm:pt>
    <dgm:pt modelId="{32E08DDA-4DB1-4899-BA0E-21460DC34E85}" type="sibTrans" cxnId="{4D9E100F-9CEF-4200-A61C-42E63078A42D}">
      <dgm:prSet/>
      <dgm:spPr/>
      <dgm:t>
        <a:bodyPr/>
        <a:lstStyle/>
        <a:p>
          <a:endParaRPr lang="en-US"/>
        </a:p>
      </dgm:t>
    </dgm:pt>
    <dgm:pt modelId="{AD003DAC-04BE-41AF-B3D3-43E94295F5F0}">
      <dgm:prSet/>
      <dgm:spPr/>
      <dgm:t>
        <a:bodyPr/>
        <a:lstStyle/>
        <a:p>
          <a:r>
            <a:rPr lang="da-DK"/>
            <a:t>Ikke en facitliste</a:t>
          </a:r>
          <a:endParaRPr lang="en-US"/>
        </a:p>
      </dgm:t>
    </dgm:pt>
    <dgm:pt modelId="{F4E6853B-EA22-410A-AABA-C6B6DB504F0E}" type="parTrans" cxnId="{CD50AF0D-21CE-46ED-B42B-1E06A92CA985}">
      <dgm:prSet/>
      <dgm:spPr/>
      <dgm:t>
        <a:bodyPr/>
        <a:lstStyle/>
        <a:p>
          <a:endParaRPr lang="en-US"/>
        </a:p>
      </dgm:t>
    </dgm:pt>
    <dgm:pt modelId="{DB444FBC-1E3B-4188-9265-98ECA7A196C6}" type="sibTrans" cxnId="{CD50AF0D-21CE-46ED-B42B-1E06A92CA985}">
      <dgm:prSet/>
      <dgm:spPr/>
      <dgm:t>
        <a:bodyPr/>
        <a:lstStyle/>
        <a:p>
          <a:endParaRPr lang="en-US"/>
        </a:p>
      </dgm:t>
    </dgm:pt>
    <dgm:pt modelId="{13FB2CAC-4E8B-4576-A56E-0FB7B2C2740B}">
      <dgm:prSet/>
      <dgm:spPr/>
      <dgm:t>
        <a:bodyPr/>
        <a:lstStyle/>
        <a:p>
          <a:r>
            <a:rPr lang="da-DK" dirty="0"/>
            <a:t>Opdigter falske referencer og kilder*</a:t>
          </a:r>
          <a:endParaRPr lang="en-US" dirty="0"/>
        </a:p>
      </dgm:t>
    </dgm:pt>
    <dgm:pt modelId="{4982E6E1-2908-4159-A14F-E5EA05634DAA}" type="parTrans" cxnId="{A90E362E-BB2C-4132-B275-D11015C0E99C}">
      <dgm:prSet/>
      <dgm:spPr/>
      <dgm:t>
        <a:bodyPr/>
        <a:lstStyle/>
        <a:p>
          <a:endParaRPr lang="en-US"/>
        </a:p>
      </dgm:t>
    </dgm:pt>
    <dgm:pt modelId="{6A7982F4-98D9-4F0D-AFC4-D5692EC427B3}" type="sibTrans" cxnId="{A90E362E-BB2C-4132-B275-D11015C0E99C}">
      <dgm:prSet/>
      <dgm:spPr/>
      <dgm:t>
        <a:bodyPr/>
        <a:lstStyle/>
        <a:p>
          <a:endParaRPr lang="en-US"/>
        </a:p>
      </dgm:t>
    </dgm:pt>
    <dgm:pt modelId="{7C257DC5-5162-4062-B115-FB0533B24FA1}">
      <dgm:prSet/>
      <dgm:spPr/>
      <dgm:t>
        <a:bodyPr/>
        <a:lstStyle/>
        <a:p>
          <a:r>
            <a:rPr lang="da-DK" dirty="0"/>
            <a:t>Kan hæmme læring og kritisk tænkning</a:t>
          </a:r>
          <a:endParaRPr lang="en-US" dirty="0"/>
        </a:p>
      </dgm:t>
    </dgm:pt>
    <dgm:pt modelId="{EECAEAC7-729D-4BF0-9C58-A3429217C19E}" type="parTrans" cxnId="{96059BFC-810E-4957-92A9-91632CDFA385}">
      <dgm:prSet/>
      <dgm:spPr/>
      <dgm:t>
        <a:bodyPr/>
        <a:lstStyle/>
        <a:p>
          <a:endParaRPr lang="en-US"/>
        </a:p>
      </dgm:t>
    </dgm:pt>
    <dgm:pt modelId="{CE9BA005-36F7-4EA9-A9FF-CBA38FEEB4EE}" type="sibTrans" cxnId="{96059BFC-810E-4957-92A9-91632CDFA385}">
      <dgm:prSet/>
      <dgm:spPr/>
      <dgm:t>
        <a:bodyPr/>
        <a:lstStyle/>
        <a:p>
          <a:endParaRPr lang="en-US"/>
        </a:p>
      </dgm:t>
    </dgm:pt>
    <dgm:pt modelId="{DD405678-C4A8-4D8F-B7E5-960BD1E8FF3D}">
      <dgm:prSet/>
      <dgm:spPr/>
      <dgm:t>
        <a:bodyPr/>
        <a:lstStyle/>
        <a:p>
          <a:r>
            <a:rPr lang="da-DK"/>
            <a:t>Forstår ikke kontekst som mennesker</a:t>
          </a:r>
          <a:endParaRPr lang="en-US"/>
        </a:p>
      </dgm:t>
    </dgm:pt>
    <dgm:pt modelId="{05FBF227-8C4D-486D-9CC9-CAC907426E30}" type="parTrans" cxnId="{F73A3C68-2925-472E-A097-B5BE9FA506B5}">
      <dgm:prSet/>
      <dgm:spPr/>
      <dgm:t>
        <a:bodyPr/>
        <a:lstStyle/>
        <a:p>
          <a:endParaRPr lang="en-US"/>
        </a:p>
      </dgm:t>
    </dgm:pt>
    <dgm:pt modelId="{93474440-F943-4063-BBDB-F9B0A8D8ACCA}" type="sibTrans" cxnId="{F73A3C68-2925-472E-A097-B5BE9FA506B5}">
      <dgm:prSet/>
      <dgm:spPr/>
      <dgm:t>
        <a:bodyPr/>
        <a:lstStyle/>
        <a:p>
          <a:endParaRPr lang="en-US"/>
        </a:p>
      </dgm:t>
    </dgm:pt>
    <dgm:pt modelId="{F6F7D7CE-BE68-4A2E-B193-A860C0A6A3C4}">
      <dgm:prSet/>
      <dgm:spPr/>
      <dgm:t>
        <a:bodyPr/>
        <a:lstStyle/>
        <a:p>
          <a:r>
            <a:rPr lang="da-DK"/>
            <a:t>Kan forstærke bias og stereotyper</a:t>
          </a:r>
          <a:endParaRPr lang="en-US"/>
        </a:p>
      </dgm:t>
    </dgm:pt>
    <dgm:pt modelId="{B0403863-83F7-46B8-91CF-1773671E3E66}" type="parTrans" cxnId="{F7FD7C04-C864-4FE9-AC3F-D22E17C7D526}">
      <dgm:prSet/>
      <dgm:spPr/>
      <dgm:t>
        <a:bodyPr/>
        <a:lstStyle/>
        <a:p>
          <a:endParaRPr lang="en-US"/>
        </a:p>
      </dgm:t>
    </dgm:pt>
    <dgm:pt modelId="{C3EA8CA0-4CEE-4689-B810-D1E311800A21}" type="sibTrans" cxnId="{F7FD7C04-C864-4FE9-AC3F-D22E17C7D526}">
      <dgm:prSet/>
      <dgm:spPr/>
      <dgm:t>
        <a:bodyPr/>
        <a:lstStyle/>
        <a:p>
          <a:endParaRPr lang="en-US"/>
        </a:p>
      </dgm:t>
    </dgm:pt>
    <dgm:pt modelId="{5289F0CB-F3B4-4EAB-86F5-6A2C10718C2A}">
      <dgm:prSet/>
      <dgm:spPr/>
      <dgm:t>
        <a:bodyPr/>
        <a:lstStyle/>
        <a:p>
          <a:r>
            <a:rPr lang="da-DK"/>
            <a:t>Kan give overfladiske svar</a:t>
          </a:r>
          <a:endParaRPr lang="en-US"/>
        </a:p>
      </dgm:t>
    </dgm:pt>
    <dgm:pt modelId="{6F5A576D-0DE5-4AFB-9A32-02C386570FB5}" type="parTrans" cxnId="{4636333B-DCC2-4516-8881-6B2952F5F5AD}">
      <dgm:prSet/>
      <dgm:spPr/>
      <dgm:t>
        <a:bodyPr/>
        <a:lstStyle/>
        <a:p>
          <a:endParaRPr lang="en-US"/>
        </a:p>
      </dgm:t>
    </dgm:pt>
    <dgm:pt modelId="{58271AAB-9154-4692-932A-6C713962BB44}" type="sibTrans" cxnId="{4636333B-DCC2-4516-8881-6B2952F5F5AD}">
      <dgm:prSet/>
      <dgm:spPr/>
      <dgm:t>
        <a:bodyPr/>
        <a:lstStyle/>
        <a:p>
          <a:endParaRPr lang="en-US"/>
        </a:p>
      </dgm:t>
    </dgm:pt>
    <dgm:pt modelId="{B85FEB31-DA6F-41D5-B00C-D9EC6F555B29}">
      <dgm:prSet/>
      <dgm:spPr/>
      <dgm:t>
        <a:bodyPr/>
        <a:lstStyle/>
        <a:p>
          <a:r>
            <a:rPr lang="da-DK"/>
            <a:t>Kan ikke tage ansvar</a:t>
          </a:r>
          <a:endParaRPr lang="en-US"/>
        </a:p>
      </dgm:t>
    </dgm:pt>
    <dgm:pt modelId="{7FFF4A38-993C-4D19-9D03-CD62F3918BC6}" type="parTrans" cxnId="{59824A9A-4E87-4986-ABD4-1140EFC0C22E}">
      <dgm:prSet/>
      <dgm:spPr/>
      <dgm:t>
        <a:bodyPr/>
        <a:lstStyle/>
        <a:p>
          <a:endParaRPr lang="en-US"/>
        </a:p>
      </dgm:t>
    </dgm:pt>
    <dgm:pt modelId="{49A4CB6B-8FA4-44B6-8013-63B82C6C5846}" type="sibTrans" cxnId="{59824A9A-4E87-4986-ABD4-1140EFC0C22E}">
      <dgm:prSet/>
      <dgm:spPr/>
      <dgm:t>
        <a:bodyPr/>
        <a:lstStyle/>
        <a:p>
          <a:endParaRPr lang="en-US"/>
        </a:p>
      </dgm:t>
    </dgm:pt>
    <dgm:pt modelId="{A7741002-BABF-495C-8223-F4DAB9FFEBEA}" type="pres">
      <dgm:prSet presAssocID="{D1E23FEA-A8A7-47ED-AA25-433851F32E6E}" presName="diagram" presStyleCnt="0">
        <dgm:presLayoutVars>
          <dgm:dir/>
          <dgm:resizeHandles val="exact"/>
        </dgm:presLayoutVars>
      </dgm:prSet>
      <dgm:spPr/>
    </dgm:pt>
    <dgm:pt modelId="{45E49557-E31C-4406-B36D-4BE42460BB61}" type="pres">
      <dgm:prSet presAssocID="{D6234044-3354-4617-8E3D-8432BCCB3A0D}" presName="node" presStyleLbl="node1" presStyleIdx="0" presStyleCnt="8">
        <dgm:presLayoutVars>
          <dgm:bulletEnabled val="1"/>
        </dgm:presLayoutVars>
      </dgm:prSet>
      <dgm:spPr/>
    </dgm:pt>
    <dgm:pt modelId="{688B4A3A-EB6C-4A47-86BB-2417F032FCA7}" type="pres">
      <dgm:prSet presAssocID="{32E08DDA-4DB1-4899-BA0E-21460DC34E85}" presName="sibTrans" presStyleCnt="0"/>
      <dgm:spPr/>
    </dgm:pt>
    <dgm:pt modelId="{88B9CB6A-D445-4D9D-BD88-25BB6746E203}" type="pres">
      <dgm:prSet presAssocID="{AD003DAC-04BE-41AF-B3D3-43E94295F5F0}" presName="node" presStyleLbl="node1" presStyleIdx="1" presStyleCnt="8">
        <dgm:presLayoutVars>
          <dgm:bulletEnabled val="1"/>
        </dgm:presLayoutVars>
      </dgm:prSet>
      <dgm:spPr/>
    </dgm:pt>
    <dgm:pt modelId="{E0647DE3-96C9-4397-A4B4-6F45BAE9BAF1}" type="pres">
      <dgm:prSet presAssocID="{DB444FBC-1E3B-4188-9265-98ECA7A196C6}" presName="sibTrans" presStyleCnt="0"/>
      <dgm:spPr/>
    </dgm:pt>
    <dgm:pt modelId="{4FF1A646-0902-41E0-B48A-FB449A488556}" type="pres">
      <dgm:prSet presAssocID="{13FB2CAC-4E8B-4576-A56E-0FB7B2C2740B}" presName="node" presStyleLbl="node1" presStyleIdx="2" presStyleCnt="8">
        <dgm:presLayoutVars>
          <dgm:bulletEnabled val="1"/>
        </dgm:presLayoutVars>
      </dgm:prSet>
      <dgm:spPr/>
    </dgm:pt>
    <dgm:pt modelId="{137B6DE4-46C8-4097-8581-08D6F2C9C076}" type="pres">
      <dgm:prSet presAssocID="{6A7982F4-98D9-4F0D-AFC4-D5692EC427B3}" presName="sibTrans" presStyleCnt="0"/>
      <dgm:spPr/>
    </dgm:pt>
    <dgm:pt modelId="{1EAD3E8D-3766-40C5-94A5-8F38B795A9AA}" type="pres">
      <dgm:prSet presAssocID="{7C257DC5-5162-4062-B115-FB0533B24FA1}" presName="node" presStyleLbl="node1" presStyleIdx="3" presStyleCnt="8">
        <dgm:presLayoutVars>
          <dgm:bulletEnabled val="1"/>
        </dgm:presLayoutVars>
      </dgm:prSet>
      <dgm:spPr/>
    </dgm:pt>
    <dgm:pt modelId="{4AB0ED40-9576-4B55-A15C-B1B55C18FEA8}" type="pres">
      <dgm:prSet presAssocID="{CE9BA005-36F7-4EA9-A9FF-CBA38FEEB4EE}" presName="sibTrans" presStyleCnt="0"/>
      <dgm:spPr/>
    </dgm:pt>
    <dgm:pt modelId="{2B29AF1A-CB09-48F4-AB78-6183B5D1309B}" type="pres">
      <dgm:prSet presAssocID="{DD405678-C4A8-4D8F-B7E5-960BD1E8FF3D}" presName="node" presStyleLbl="node1" presStyleIdx="4" presStyleCnt="8">
        <dgm:presLayoutVars>
          <dgm:bulletEnabled val="1"/>
        </dgm:presLayoutVars>
      </dgm:prSet>
      <dgm:spPr/>
    </dgm:pt>
    <dgm:pt modelId="{892AF808-BA28-4F4A-BF3C-2A5F27D552C8}" type="pres">
      <dgm:prSet presAssocID="{93474440-F943-4063-BBDB-F9B0A8D8ACCA}" presName="sibTrans" presStyleCnt="0"/>
      <dgm:spPr/>
    </dgm:pt>
    <dgm:pt modelId="{B875725B-9B9E-49C4-8399-181A729E019F}" type="pres">
      <dgm:prSet presAssocID="{F6F7D7CE-BE68-4A2E-B193-A860C0A6A3C4}" presName="node" presStyleLbl="node1" presStyleIdx="5" presStyleCnt="8">
        <dgm:presLayoutVars>
          <dgm:bulletEnabled val="1"/>
        </dgm:presLayoutVars>
      </dgm:prSet>
      <dgm:spPr/>
    </dgm:pt>
    <dgm:pt modelId="{4C14362F-4650-4875-B0AB-F66A2F1EDCB6}" type="pres">
      <dgm:prSet presAssocID="{C3EA8CA0-4CEE-4689-B810-D1E311800A21}" presName="sibTrans" presStyleCnt="0"/>
      <dgm:spPr/>
    </dgm:pt>
    <dgm:pt modelId="{0398FCFE-C51D-431E-8875-3EEFC03A5C5C}" type="pres">
      <dgm:prSet presAssocID="{5289F0CB-F3B4-4EAB-86F5-6A2C10718C2A}" presName="node" presStyleLbl="node1" presStyleIdx="6" presStyleCnt="8">
        <dgm:presLayoutVars>
          <dgm:bulletEnabled val="1"/>
        </dgm:presLayoutVars>
      </dgm:prSet>
      <dgm:spPr/>
    </dgm:pt>
    <dgm:pt modelId="{B29145BB-D7C5-4F46-B22D-CFA1789949F7}" type="pres">
      <dgm:prSet presAssocID="{58271AAB-9154-4692-932A-6C713962BB44}" presName="sibTrans" presStyleCnt="0"/>
      <dgm:spPr/>
    </dgm:pt>
    <dgm:pt modelId="{387B4582-EF14-4E7A-B589-93749774C29B}" type="pres">
      <dgm:prSet presAssocID="{B85FEB31-DA6F-41D5-B00C-D9EC6F555B29}" presName="node" presStyleLbl="node1" presStyleIdx="7" presStyleCnt="8">
        <dgm:presLayoutVars>
          <dgm:bulletEnabled val="1"/>
        </dgm:presLayoutVars>
      </dgm:prSet>
      <dgm:spPr/>
    </dgm:pt>
  </dgm:ptLst>
  <dgm:cxnLst>
    <dgm:cxn modelId="{F7FD7C04-C864-4FE9-AC3F-D22E17C7D526}" srcId="{D1E23FEA-A8A7-47ED-AA25-433851F32E6E}" destId="{F6F7D7CE-BE68-4A2E-B193-A860C0A6A3C4}" srcOrd="5" destOrd="0" parTransId="{B0403863-83F7-46B8-91CF-1773671E3E66}" sibTransId="{C3EA8CA0-4CEE-4689-B810-D1E311800A21}"/>
    <dgm:cxn modelId="{2BD75507-D537-4629-83FC-2BFB2F6249BC}" type="presOf" srcId="{7C257DC5-5162-4062-B115-FB0533B24FA1}" destId="{1EAD3E8D-3766-40C5-94A5-8F38B795A9AA}" srcOrd="0" destOrd="0" presId="urn:microsoft.com/office/officeart/2005/8/layout/default"/>
    <dgm:cxn modelId="{CD50AF0D-21CE-46ED-B42B-1E06A92CA985}" srcId="{D1E23FEA-A8A7-47ED-AA25-433851F32E6E}" destId="{AD003DAC-04BE-41AF-B3D3-43E94295F5F0}" srcOrd="1" destOrd="0" parTransId="{F4E6853B-EA22-410A-AABA-C6B6DB504F0E}" sibTransId="{DB444FBC-1E3B-4188-9265-98ECA7A196C6}"/>
    <dgm:cxn modelId="{4D9E100F-9CEF-4200-A61C-42E63078A42D}" srcId="{D1E23FEA-A8A7-47ED-AA25-433851F32E6E}" destId="{D6234044-3354-4617-8E3D-8432BCCB3A0D}" srcOrd="0" destOrd="0" parTransId="{387D129B-6A91-4FEB-83EC-1C5D3BC85040}" sibTransId="{32E08DDA-4DB1-4899-BA0E-21460DC34E85}"/>
    <dgm:cxn modelId="{A90E362E-BB2C-4132-B275-D11015C0E99C}" srcId="{D1E23FEA-A8A7-47ED-AA25-433851F32E6E}" destId="{13FB2CAC-4E8B-4576-A56E-0FB7B2C2740B}" srcOrd="2" destOrd="0" parTransId="{4982E6E1-2908-4159-A14F-E5EA05634DAA}" sibTransId="{6A7982F4-98D9-4F0D-AFC4-D5692EC427B3}"/>
    <dgm:cxn modelId="{0064CB31-63B7-424F-AF90-0D6C41E3B689}" type="presOf" srcId="{D6234044-3354-4617-8E3D-8432BCCB3A0D}" destId="{45E49557-E31C-4406-B36D-4BE42460BB61}" srcOrd="0" destOrd="0" presId="urn:microsoft.com/office/officeart/2005/8/layout/default"/>
    <dgm:cxn modelId="{4636333B-DCC2-4516-8881-6B2952F5F5AD}" srcId="{D1E23FEA-A8A7-47ED-AA25-433851F32E6E}" destId="{5289F0CB-F3B4-4EAB-86F5-6A2C10718C2A}" srcOrd="6" destOrd="0" parTransId="{6F5A576D-0DE5-4AFB-9A32-02C386570FB5}" sibTransId="{58271AAB-9154-4692-932A-6C713962BB44}"/>
    <dgm:cxn modelId="{F73A3C68-2925-472E-A097-B5BE9FA506B5}" srcId="{D1E23FEA-A8A7-47ED-AA25-433851F32E6E}" destId="{DD405678-C4A8-4D8F-B7E5-960BD1E8FF3D}" srcOrd="4" destOrd="0" parTransId="{05FBF227-8C4D-486D-9CC9-CAC907426E30}" sibTransId="{93474440-F943-4063-BBDB-F9B0A8D8ACCA}"/>
    <dgm:cxn modelId="{9BCC9E50-8571-4ADE-B59C-3BCBA406AD36}" type="presOf" srcId="{B85FEB31-DA6F-41D5-B00C-D9EC6F555B29}" destId="{387B4582-EF14-4E7A-B589-93749774C29B}" srcOrd="0" destOrd="0" presId="urn:microsoft.com/office/officeart/2005/8/layout/default"/>
    <dgm:cxn modelId="{C6455C78-E6C8-46A3-86E3-D91880DC7B9F}" type="presOf" srcId="{5289F0CB-F3B4-4EAB-86F5-6A2C10718C2A}" destId="{0398FCFE-C51D-431E-8875-3EEFC03A5C5C}" srcOrd="0" destOrd="0" presId="urn:microsoft.com/office/officeart/2005/8/layout/default"/>
    <dgm:cxn modelId="{A004477D-DE02-4CA9-AB5C-3DC5F4452EC7}" type="presOf" srcId="{D1E23FEA-A8A7-47ED-AA25-433851F32E6E}" destId="{A7741002-BABF-495C-8223-F4DAB9FFEBEA}" srcOrd="0" destOrd="0" presId="urn:microsoft.com/office/officeart/2005/8/layout/default"/>
    <dgm:cxn modelId="{D2906B88-FF70-44A4-86DC-BBE38CFB2F94}" type="presOf" srcId="{13FB2CAC-4E8B-4576-A56E-0FB7B2C2740B}" destId="{4FF1A646-0902-41E0-B48A-FB449A488556}" srcOrd="0" destOrd="0" presId="urn:microsoft.com/office/officeart/2005/8/layout/default"/>
    <dgm:cxn modelId="{59824A9A-4E87-4986-ABD4-1140EFC0C22E}" srcId="{D1E23FEA-A8A7-47ED-AA25-433851F32E6E}" destId="{B85FEB31-DA6F-41D5-B00C-D9EC6F555B29}" srcOrd="7" destOrd="0" parTransId="{7FFF4A38-993C-4D19-9D03-CD62F3918BC6}" sibTransId="{49A4CB6B-8FA4-44B6-8013-63B82C6C5846}"/>
    <dgm:cxn modelId="{5DB9C8A5-F8D6-472A-9EAE-88EE69FE2848}" type="presOf" srcId="{DD405678-C4A8-4D8F-B7E5-960BD1E8FF3D}" destId="{2B29AF1A-CB09-48F4-AB78-6183B5D1309B}" srcOrd="0" destOrd="0" presId="urn:microsoft.com/office/officeart/2005/8/layout/default"/>
    <dgm:cxn modelId="{D8E3A9D0-CA7A-4827-85E4-62332BBFF233}" type="presOf" srcId="{F6F7D7CE-BE68-4A2E-B193-A860C0A6A3C4}" destId="{B875725B-9B9E-49C4-8399-181A729E019F}" srcOrd="0" destOrd="0" presId="urn:microsoft.com/office/officeart/2005/8/layout/default"/>
    <dgm:cxn modelId="{C90F6BF3-FEF1-41A5-A600-EDBAE3277932}" type="presOf" srcId="{AD003DAC-04BE-41AF-B3D3-43E94295F5F0}" destId="{88B9CB6A-D445-4D9D-BD88-25BB6746E203}" srcOrd="0" destOrd="0" presId="urn:microsoft.com/office/officeart/2005/8/layout/default"/>
    <dgm:cxn modelId="{96059BFC-810E-4957-92A9-91632CDFA385}" srcId="{D1E23FEA-A8A7-47ED-AA25-433851F32E6E}" destId="{7C257DC5-5162-4062-B115-FB0533B24FA1}" srcOrd="3" destOrd="0" parTransId="{EECAEAC7-729D-4BF0-9C58-A3429217C19E}" sibTransId="{CE9BA005-36F7-4EA9-A9FF-CBA38FEEB4EE}"/>
    <dgm:cxn modelId="{65C592BB-3994-42DD-B187-762B146F96F6}" type="presParOf" srcId="{A7741002-BABF-495C-8223-F4DAB9FFEBEA}" destId="{45E49557-E31C-4406-B36D-4BE42460BB61}" srcOrd="0" destOrd="0" presId="urn:microsoft.com/office/officeart/2005/8/layout/default"/>
    <dgm:cxn modelId="{C7227F9F-1469-44E2-B252-03AB5F6F11B2}" type="presParOf" srcId="{A7741002-BABF-495C-8223-F4DAB9FFEBEA}" destId="{688B4A3A-EB6C-4A47-86BB-2417F032FCA7}" srcOrd="1" destOrd="0" presId="urn:microsoft.com/office/officeart/2005/8/layout/default"/>
    <dgm:cxn modelId="{70F4060A-D22D-405A-BD70-C859C640F194}" type="presParOf" srcId="{A7741002-BABF-495C-8223-F4DAB9FFEBEA}" destId="{88B9CB6A-D445-4D9D-BD88-25BB6746E203}" srcOrd="2" destOrd="0" presId="urn:microsoft.com/office/officeart/2005/8/layout/default"/>
    <dgm:cxn modelId="{17F7C3C0-DCE7-4153-9F58-E2C41FD2D673}" type="presParOf" srcId="{A7741002-BABF-495C-8223-F4DAB9FFEBEA}" destId="{E0647DE3-96C9-4397-A4B4-6F45BAE9BAF1}" srcOrd="3" destOrd="0" presId="urn:microsoft.com/office/officeart/2005/8/layout/default"/>
    <dgm:cxn modelId="{736A0226-2A1D-4306-A063-B174C3C280C9}" type="presParOf" srcId="{A7741002-BABF-495C-8223-F4DAB9FFEBEA}" destId="{4FF1A646-0902-41E0-B48A-FB449A488556}" srcOrd="4" destOrd="0" presId="urn:microsoft.com/office/officeart/2005/8/layout/default"/>
    <dgm:cxn modelId="{326EF395-561D-4E02-A841-BAED6C206FE4}" type="presParOf" srcId="{A7741002-BABF-495C-8223-F4DAB9FFEBEA}" destId="{137B6DE4-46C8-4097-8581-08D6F2C9C076}" srcOrd="5" destOrd="0" presId="urn:microsoft.com/office/officeart/2005/8/layout/default"/>
    <dgm:cxn modelId="{09C331AB-43FE-4EF9-8D92-52213B737D7E}" type="presParOf" srcId="{A7741002-BABF-495C-8223-F4DAB9FFEBEA}" destId="{1EAD3E8D-3766-40C5-94A5-8F38B795A9AA}" srcOrd="6" destOrd="0" presId="urn:microsoft.com/office/officeart/2005/8/layout/default"/>
    <dgm:cxn modelId="{865A1663-1231-4133-90CA-0A41F264B3A7}" type="presParOf" srcId="{A7741002-BABF-495C-8223-F4DAB9FFEBEA}" destId="{4AB0ED40-9576-4B55-A15C-B1B55C18FEA8}" srcOrd="7" destOrd="0" presId="urn:microsoft.com/office/officeart/2005/8/layout/default"/>
    <dgm:cxn modelId="{81D71FBE-75B7-4A97-9789-625AD42CDB58}" type="presParOf" srcId="{A7741002-BABF-495C-8223-F4DAB9FFEBEA}" destId="{2B29AF1A-CB09-48F4-AB78-6183B5D1309B}" srcOrd="8" destOrd="0" presId="urn:microsoft.com/office/officeart/2005/8/layout/default"/>
    <dgm:cxn modelId="{BE52308A-2F2E-43ED-868E-15F0A15D05D2}" type="presParOf" srcId="{A7741002-BABF-495C-8223-F4DAB9FFEBEA}" destId="{892AF808-BA28-4F4A-BF3C-2A5F27D552C8}" srcOrd="9" destOrd="0" presId="urn:microsoft.com/office/officeart/2005/8/layout/default"/>
    <dgm:cxn modelId="{E5A8CA56-642B-40A9-A36A-865CB2E376E2}" type="presParOf" srcId="{A7741002-BABF-495C-8223-F4DAB9FFEBEA}" destId="{B875725B-9B9E-49C4-8399-181A729E019F}" srcOrd="10" destOrd="0" presId="urn:microsoft.com/office/officeart/2005/8/layout/default"/>
    <dgm:cxn modelId="{4D644BD2-E201-448F-8626-180362A05F5B}" type="presParOf" srcId="{A7741002-BABF-495C-8223-F4DAB9FFEBEA}" destId="{4C14362F-4650-4875-B0AB-F66A2F1EDCB6}" srcOrd="11" destOrd="0" presId="urn:microsoft.com/office/officeart/2005/8/layout/default"/>
    <dgm:cxn modelId="{7F4E2C6C-8145-494C-8111-0C3208A6E94E}" type="presParOf" srcId="{A7741002-BABF-495C-8223-F4DAB9FFEBEA}" destId="{0398FCFE-C51D-431E-8875-3EEFC03A5C5C}" srcOrd="12" destOrd="0" presId="urn:microsoft.com/office/officeart/2005/8/layout/default"/>
    <dgm:cxn modelId="{1A93DDDE-168E-45BF-AA2B-CB640550B377}" type="presParOf" srcId="{A7741002-BABF-495C-8223-F4DAB9FFEBEA}" destId="{B29145BB-D7C5-4F46-B22D-CFA1789949F7}" srcOrd="13" destOrd="0" presId="urn:microsoft.com/office/officeart/2005/8/layout/default"/>
    <dgm:cxn modelId="{307933C2-F7D8-46DF-9AE0-C62FD2DC4EE3}" type="presParOf" srcId="{A7741002-BABF-495C-8223-F4DAB9FFEBEA}" destId="{387B4582-EF14-4E7A-B589-93749774C29B}" srcOrd="14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AAE5EA7-A40D-4321-982D-163DE63137A9}">
      <dsp:nvSpPr>
        <dsp:cNvPr id="0" name=""/>
        <dsp:cNvSpPr/>
      </dsp:nvSpPr>
      <dsp:spPr>
        <a:xfrm>
          <a:off x="263861" y="98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Forklaring af begreber og teorier</a:t>
          </a:r>
          <a:endParaRPr lang="en-US" sz="1700" kern="1200" dirty="0"/>
        </a:p>
      </dsp:txBody>
      <dsp:txXfrm>
        <a:off x="263861" y="98"/>
        <a:ext cx="1932132" cy="1159279"/>
      </dsp:txXfrm>
    </dsp:sp>
    <dsp:sp modelId="{11F97803-FB1C-410B-A757-C6F24A3B5C6D}">
      <dsp:nvSpPr>
        <dsp:cNvPr id="0" name=""/>
        <dsp:cNvSpPr/>
      </dsp:nvSpPr>
      <dsp:spPr>
        <a:xfrm>
          <a:off x="2389207" y="98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Sammenfatning af tekster</a:t>
          </a:r>
          <a:endParaRPr lang="en-US" sz="1700" kern="1200" dirty="0"/>
        </a:p>
      </dsp:txBody>
      <dsp:txXfrm>
        <a:off x="2389207" y="98"/>
        <a:ext cx="1932132" cy="1159279"/>
      </dsp:txXfrm>
    </dsp:sp>
    <dsp:sp modelId="{1FB18147-E943-4A04-98CC-5BA4DFBEFFA3}">
      <dsp:nvSpPr>
        <dsp:cNvPr id="0" name=""/>
        <dsp:cNvSpPr/>
      </dsp:nvSpPr>
      <dsp:spPr>
        <a:xfrm>
          <a:off x="4514552" y="98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Forberedelse til eksamen</a:t>
          </a:r>
          <a:endParaRPr lang="en-US" sz="1700" kern="1200" dirty="0"/>
        </a:p>
      </dsp:txBody>
      <dsp:txXfrm>
        <a:off x="4514552" y="98"/>
        <a:ext cx="1932132" cy="1159279"/>
      </dsp:txXfrm>
    </dsp:sp>
    <dsp:sp modelId="{4D8A9C60-4239-48E4-A985-8FC7DDD1E59C}">
      <dsp:nvSpPr>
        <dsp:cNvPr id="0" name=""/>
        <dsp:cNvSpPr/>
      </dsp:nvSpPr>
      <dsp:spPr>
        <a:xfrm>
          <a:off x="6639897" y="98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Sammenligning af teorier eller metoder</a:t>
          </a:r>
          <a:endParaRPr lang="en-US" sz="1700" kern="1200" dirty="0"/>
        </a:p>
      </dsp:txBody>
      <dsp:txXfrm>
        <a:off x="6639897" y="98"/>
        <a:ext cx="1932132" cy="1159279"/>
      </dsp:txXfrm>
    </dsp:sp>
    <dsp:sp modelId="{B84CD316-02B1-4A28-BE67-A24A069DB3FE}">
      <dsp:nvSpPr>
        <dsp:cNvPr id="0" name=""/>
        <dsp:cNvSpPr/>
      </dsp:nvSpPr>
      <dsp:spPr>
        <a:xfrm>
          <a:off x="8765243" y="98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Generering af idéer</a:t>
          </a:r>
          <a:endParaRPr lang="en-US" sz="1700" kern="1200" dirty="0"/>
        </a:p>
      </dsp:txBody>
      <dsp:txXfrm>
        <a:off x="8765243" y="98"/>
        <a:ext cx="1932132" cy="1159279"/>
      </dsp:txXfrm>
    </dsp:sp>
    <dsp:sp modelId="{8EA10D45-2F68-42C4-B242-3CC4DF162DFF}">
      <dsp:nvSpPr>
        <dsp:cNvPr id="0" name=""/>
        <dsp:cNvSpPr/>
      </dsp:nvSpPr>
      <dsp:spPr>
        <a:xfrm>
          <a:off x="263861" y="1352591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Strukturering af opgaver   </a:t>
          </a:r>
          <a:endParaRPr lang="en-US" sz="1700" kern="1200" dirty="0"/>
        </a:p>
      </dsp:txBody>
      <dsp:txXfrm>
        <a:off x="263861" y="1352591"/>
        <a:ext cx="1932132" cy="1159279"/>
      </dsp:txXfrm>
    </dsp:sp>
    <dsp:sp modelId="{2360C309-4F1A-4FC8-954C-4034A13261ED}">
      <dsp:nvSpPr>
        <dsp:cNvPr id="0" name=""/>
        <dsp:cNvSpPr/>
      </dsp:nvSpPr>
      <dsp:spPr>
        <a:xfrm>
          <a:off x="2389207" y="1352591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Formulering af problemstillinger</a:t>
          </a:r>
          <a:endParaRPr lang="en-US" sz="1700" kern="1200" dirty="0"/>
        </a:p>
      </dsp:txBody>
      <dsp:txXfrm>
        <a:off x="2389207" y="1352591"/>
        <a:ext cx="1932132" cy="1159279"/>
      </dsp:txXfrm>
    </dsp:sp>
    <dsp:sp modelId="{E9DD8A33-D4D4-487D-8965-5F1E55945AD7}">
      <dsp:nvSpPr>
        <dsp:cNvPr id="0" name=""/>
        <dsp:cNvSpPr/>
      </dsp:nvSpPr>
      <dsp:spPr>
        <a:xfrm>
          <a:off x="4514552" y="1352591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Feedback på tekst</a:t>
          </a:r>
          <a:endParaRPr lang="en-US" sz="1700" kern="1200" dirty="0"/>
        </a:p>
      </dsp:txBody>
      <dsp:txXfrm>
        <a:off x="4514552" y="1352591"/>
        <a:ext cx="1932132" cy="1159279"/>
      </dsp:txXfrm>
    </dsp:sp>
    <dsp:sp modelId="{D9A18864-31EC-4CA5-88FE-D08B24EE4528}">
      <dsp:nvSpPr>
        <dsp:cNvPr id="0" name=""/>
        <dsp:cNvSpPr/>
      </dsp:nvSpPr>
      <dsp:spPr>
        <a:xfrm>
          <a:off x="6639897" y="1352591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Kildekritik og refleksion</a:t>
          </a:r>
          <a:endParaRPr lang="en-US" sz="1700" kern="1200" dirty="0"/>
        </a:p>
      </dsp:txBody>
      <dsp:txXfrm>
        <a:off x="6639897" y="1352591"/>
        <a:ext cx="1932132" cy="1159279"/>
      </dsp:txXfrm>
    </dsp:sp>
    <dsp:sp modelId="{E8C23ED4-D2D2-40A4-8283-3130FC30A3E8}">
      <dsp:nvSpPr>
        <dsp:cNvPr id="0" name=""/>
        <dsp:cNvSpPr/>
      </dsp:nvSpPr>
      <dsp:spPr>
        <a:xfrm>
          <a:off x="8765243" y="1352591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Studieplanlægning</a:t>
          </a:r>
          <a:endParaRPr lang="en-US" sz="1700" kern="1200" dirty="0"/>
        </a:p>
      </dsp:txBody>
      <dsp:txXfrm>
        <a:off x="8765243" y="1352591"/>
        <a:ext cx="1932132" cy="1159279"/>
      </dsp:txXfrm>
    </dsp:sp>
    <dsp:sp modelId="{6089CA83-D8BC-48AA-BFC3-EA01EFE88658}">
      <dsp:nvSpPr>
        <dsp:cNvPr id="0" name=""/>
        <dsp:cNvSpPr/>
      </dsp:nvSpPr>
      <dsp:spPr>
        <a:xfrm>
          <a:off x="3451879" y="2705083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Refleksion over egen læring</a:t>
          </a:r>
          <a:endParaRPr lang="en-US" sz="1700" kern="1200" dirty="0"/>
        </a:p>
      </dsp:txBody>
      <dsp:txXfrm>
        <a:off x="3451879" y="2705083"/>
        <a:ext cx="1932132" cy="1159279"/>
      </dsp:txXfrm>
    </dsp:sp>
    <dsp:sp modelId="{44D46FA4-67B5-4F51-B684-EE988014695B}">
      <dsp:nvSpPr>
        <dsp:cNvPr id="0" name=""/>
        <dsp:cNvSpPr/>
      </dsp:nvSpPr>
      <dsp:spPr>
        <a:xfrm>
          <a:off x="5577225" y="2705083"/>
          <a:ext cx="1932132" cy="1159279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700" kern="1200" dirty="0"/>
            <a:t>Sproglig støtte</a:t>
          </a:r>
          <a:endParaRPr lang="en-US" sz="1700" kern="1200" dirty="0"/>
        </a:p>
      </dsp:txBody>
      <dsp:txXfrm>
        <a:off x="5577225" y="2705083"/>
        <a:ext cx="1932132" cy="1159279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5E49557-E31C-4406-B36D-4BE42460BB61}">
      <dsp:nvSpPr>
        <dsp:cNvPr id="0" name=""/>
        <dsp:cNvSpPr/>
      </dsp:nvSpPr>
      <dsp:spPr>
        <a:xfrm>
          <a:off x="3211" y="276270"/>
          <a:ext cx="2547631" cy="1528578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 dirty="0"/>
            <a:t>Ikke en autoritativ kilde</a:t>
          </a:r>
          <a:endParaRPr lang="en-US" sz="2600" kern="1200" dirty="0"/>
        </a:p>
      </dsp:txBody>
      <dsp:txXfrm>
        <a:off x="3211" y="276270"/>
        <a:ext cx="2547631" cy="1528578"/>
      </dsp:txXfrm>
    </dsp:sp>
    <dsp:sp modelId="{88B9CB6A-D445-4D9D-BD88-25BB6746E203}">
      <dsp:nvSpPr>
        <dsp:cNvPr id="0" name=""/>
        <dsp:cNvSpPr/>
      </dsp:nvSpPr>
      <dsp:spPr>
        <a:xfrm>
          <a:off x="2805605" y="276270"/>
          <a:ext cx="2547631" cy="1528578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/>
            <a:t>Ikke en facitliste</a:t>
          </a:r>
          <a:endParaRPr lang="en-US" sz="2600" kern="1200"/>
        </a:p>
      </dsp:txBody>
      <dsp:txXfrm>
        <a:off x="2805605" y="276270"/>
        <a:ext cx="2547631" cy="1528578"/>
      </dsp:txXfrm>
    </dsp:sp>
    <dsp:sp modelId="{4FF1A646-0902-41E0-B48A-FB449A488556}">
      <dsp:nvSpPr>
        <dsp:cNvPr id="0" name=""/>
        <dsp:cNvSpPr/>
      </dsp:nvSpPr>
      <dsp:spPr>
        <a:xfrm>
          <a:off x="5608000" y="276270"/>
          <a:ext cx="2547631" cy="1528578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 dirty="0"/>
            <a:t>Opdigter falske referencer og kilder*</a:t>
          </a:r>
          <a:endParaRPr lang="en-US" sz="2600" kern="1200" dirty="0"/>
        </a:p>
      </dsp:txBody>
      <dsp:txXfrm>
        <a:off x="5608000" y="276270"/>
        <a:ext cx="2547631" cy="1528578"/>
      </dsp:txXfrm>
    </dsp:sp>
    <dsp:sp modelId="{1EAD3E8D-3766-40C5-94A5-8F38B795A9AA}">
      <dsp:nvSpPr>
        <dsp:cNvPr id="0" name=""/>
        <dsp:cNvSpPr/>
      </dsp:nvSpPr>
      <dsp:spPr>
        <a:xfrm>
          <a:off x="8410394" y="276270"/>
          <a:ext cx="2547631" cy="1528578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 dirty="0"/>
            <a:t>Kan hæmme læring og kritisk tænkning</a:t>
          </a:r>
          <a:endParaRPr lang="en-US" sz="2600" kern="1200" dirty="0"/>
        </a:p>
      </dsp:txBody>
      <dsp:txXfrm>
        <a:off x="8410394" y="276270"/>
        <a:ext cx="2547631" cy="1528578"/>
      </dsp:txXfrm>
    </dsp:sp>
    <dsp:sp modelId="{2B29AF1A-CB09-48F4-AB78-6183B5D1309B}">
      <dsp:nvSpPr>
        <dsp:cNvPr id="0" name=""/>
        <dsp:cNvSpPr/>
      </dsp:nvSpPr>
      <dsp:spPr>
        <a:xfrm>
          <a:off x="3211" y="2059612"/>
          <a:ext cx="2547631" cy="1528578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/>
            <a:t>Forstår ikke kontekst som mennesker</a:t>
          </a:r>
          <a:endParaRPr lang="en-US" sz="2600" kern="1200"/>
        </a:p>
      </dsp:txBody>
      <dsp:txXfrm>
        <a:off x="3211" y="2059612"/>
        <a:ext cx="2547631" cy="1528578"/>
      </dsp:txXfrm>
    </dsp:sp>
    <dsp:sp modelId="{B875725B-9B9E-49C4-8399-181A729E019F}">
      <dsp:nvSpPr>
        <dsp:cNvPr id="0" name=""/>
        <dsp:cNvSpPr/>
      </dsp:nvSpPr>
      <dsp:spPr>
        <a:xfrm>
          <a:off x="2805605" y="2059612"/>
          <a:ext cx="2547631" cy="1528578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/>
            <a:t>Kan forstærke bias og stereotyper</a:t>
          </a:r>
          <a:endParaRPr lang="en-US" sz="2600" kern="1200"/>
        </a:p>
      </dsp:txBody>
      <dsp:txXfrm>
        <a:off x="2805605" y="2059612"/>
        <a:ext cx="2547631" cy="1528578"/>
      </dsp:txXfrm>
    </dsp:sp>
    <dsp:sp modelId="{0398FCFE-C51D-431E-8875-3EEFC03A5C5C}">
      <dsp:nvSpPr>
        <dsp:cNvPr id="0" name=""/>
        <dsp:cNvSpPr/>
      </dsp:nvSpPr>
      <dsp:spPr>
        <a:xfrm>
          <a:off x="5608000" y="2059612"/>
          <a:ext cx="2547631" cy="1528578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/>
            <a:t>Kan give overfladiske svar</a:t>
          </a:r>
          <a:endParaRPr lang="en-US" sz="2600" kern="1200"/>
        </a:p>
      </dsp:txBody>
      <dsp:txXfrm>
        <a:off x="5608000" y="2059612"/>
        <a:ext cx="2547631" cy="1528578"/>
      </dsp:txXfrm>
    </dsp:sp>
    <dsp:sp modelId="{387B4582-EF14-4E7A-B589-93749774C29B}">
      <dsp:nvSpPr>
        <dsp:cNvPr id="0" name=""/>
        <dsp:cNvSpPr/>
      </dsp:nvSpPr>
      <dsp:spPr>
        <a:xfrm>
          <a:off x="8410394" y="2059612"/>
          <a:ext cx="2547631" cy="1528578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/>
            <a:t>Kan ikke tage ansvar</a:t>
          </a:r>
          <a:endParaRPr lang="en-US" sz="2600" kern="1200"/>
        </a:p>
      </dsp:txBody>
      <dsp:txXfrm>
        <a:off x="8410394" y="2059612"/>
        <a:ext cx="2547631" cy="1528578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4/11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689608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3845540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98870259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 smtClean="0"/>
            </a:lvl1pPr>
          </a:lstStyle>
          <a:p>
            <a:pPr>
              <a:defRPr/>
            </a:pPr>
            <a:r>
              <a:rPr lang="da-DK"/>
              <a:t>November 2011</a:t>
            </a:r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>
          <a:xfrm>
            <a:off x="2044700" y="6572250"/>
            <a:ext cx="3860800" cy="285750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79D7F6E5-B367-4E9C-9CA9-62FF49E6CF08}" type="slidenum">
              <a:rPr lang="en-US"/>
              <a:pPr>
                <a:defRPr/>
              </a:pPr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109965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4-11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hyperlink" Target="https://mitsdu.dk/da/mit_studie/kandidat/jura/vejledning-og-support/aipaasdu" TargetMode="External"/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libguides.sdu.dk/jura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hyperlink" Target="https://mitsdu.dk/-/media/files/bibliotek/bliv-informationskompetent.pdf" TargetMode="External"/><Relationship Id="rId1" Type="http://schemas.openxmlformats.org/officeDocument/2006/relationships/slideLayout" Target="../slideLayouts/slideLayout1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hyperlink" Target="https://mimer.sdu.dk/" TargetMode="External"/><Relationship Id="rId2" Type="http://schemas.openxmlformats.org/officeDocument/2006/relationships/hyperlink" Target="https://mitsdu.dk/da/bibliotek" TargetMode="External"/><Relationship Id="rId1" Type="http://schemas.openxmlformats.org/officeDocument/2006/relationships/slideLayout" Target="../slideLayouts/slideLayout3.xml"/><Relationship Id="rId6" Type="http://schemas.openxmlformats.org/officeDocument/2006/relationships/hyperlink" Target="https://libguides.sdu.dk/jura" TargetMode="External"/><Relationship Id="rId5" Type="http://schemas.openxmlformats.org/officeDocument/2006/relationships/hyperlink" Target="https://libguides.sdu.dk/" TargetMode="External"/><Relationship Id="rId4" Type="http://schemas.openxmlformats.org/officeDocument/2006/relationships/hyperlink" Target="https://libguides.sdu.dk/az/databases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0BBF3B8-EC8A-F0E8-7CB4-47263C45C07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45389" y="932237"/>
            <a:ext cx="10446588" cy="4070408"/>
          </a:xfrm>
        </p:spPr>
        <p:txBody>
          <a:bodyPr/>
          <a:lstStyle/>
          <a:p>
            <a:r>
              <a:rPr lang="da-DK" dirty="0">
                <a:solidFill>
                  <a:srgbClr val="0070C0"/>
                </a:solidFill>
              </a:rPr>
              <a:t>	</a:t>
            </a:r>
            <a:br>
              <a:rPr lang="da-DK" dirty="0">
                <a:solidFill>
                  <a:srgbClr val="0070C0"/>
                </a:solidFill>
              </a:rPr>
            </a:br>
            <a:r>
              <a:rPr lang="da-DK" dirty="0">
                <a:solidFill>
                  <a:srgbClr val="0070C0"/>
                </a:solidFill>
              </a:rPr>
              <a:t>	Juraspeciale						 2025</a:t>
            </a:r>
            <a:br>
              <a:rPr lang="da-DK" dirty="0">
                <a:solidFill>
                  <a:srgbClr val="0070C0"/>
                </a:solidFill>
              </a:rPr>
            </a:br>
            <a:endParaRPr lang="da-DK" dirty="0">
              <a:solidFill>
                <a:srgbClr val="0070C0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9EC540A-9D10-D3CC-79B1-26160816002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1CB2D52-B154-44F7-911C-5C90487B99D2}" type="datetime1">
              <a:rPr lang="da-DK" smtClean="0"/>
              <a:t>04-11-2025</a:t>
            </a:fld>
            <a:endParaRPr lang="da-DK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4D804E76-1149-2AD6-57C2-1DE8C8395890}"/>
              </a:ext>
            </a:extLst>
          </p:cNvPr>
          <p:cNvSpPr txBox="1"/>
          <p:nvPr/>
        </p:nvSpPr>
        <p:spPr>
          <a:xfrm>
            <a:off x="9258141" y="5783059"/>
            <a:ext cx="2613804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 </a:t>
            </a:r>
          </a:p>
          <a:p>
            <a:r>
              <a:rPr lang="da-DK" sz="1600" dirty="0">
                <a:solidFill>
                  <a:schemeClr val="bg1"/>
                </a:solidFill>
              </a:rPr>
              <a:t>Line Laursen Corydon</a:t>
            </a:r>
          </a:p>
          <a:p>
            <a:r>
              <a:rPr lang="da-DK" sz="1600" dirty="0">
                <a:solidFill>
                  <a:schemeClr val="bg1"/>
                </a:solidFill>
              </a:rPr>
              <a:t>SDU Bibliotek</a:t>
            </a:r>
          </a:p>
        </p:txBody>
      </p:sp>
    </p:spTree>
    <p:extLst>
      <p:ext uri="{BB962C8B-B14F-4D97-AF65-F5344CB8AC3E}">
        <p14:creationId xmlns:p14="http://schemas.microsoft.com/office/powerpoint/2010/main" val="352212913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C1599A4-E1E7-539F-01DE-6095FAA0B921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CA1EA99D-2051-6301-68B9-343A95093A5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DB603AD-E9F5-4F45-BFC2-F5E0700D6DA9}" type="datetime1">
              <a:rPr lang="da-DK" smtClean="0"/>
              <a:t>04-11-2025</a:t>
            </a:fld>
            <a:endParaRPr lang="da-DK" dirty="0"/>
          </a:p>
        </p:txBody>
      </p:sp>
      <p:pic>
        <p:nvPicPr>
          <p:cNvPr id="4" name="Content Placeholder 2" descr="Et billede, der indeholder tekst, skærmbillede, Font/skrifttype, nummer/tal">
            <a:extLst>
              <a:ext uri="{FF2B5EF4-FFF2-40B4-BE49-F238E27FC236}">
                <a16:creationId xmlns:a16="http://schemas.microsoft.com/office/drawing/2014/main" id="{7185052F-644A-B22F-E481-4A207A1AC17C}"/>
              </a:ext>
            </a:extLst>
          </p:cNvPr>
          <p:cNvPicPr>
            <a:picLocks noGrp="1" noChangeAspect="1"/>
          </p:cNvPicPr>
          <p:nvPr/>
        </p:nvPicPr>
        <p:blipFill>
          <a:blip r:embed="rId2"/>
          <a:srcRect r="3557" b="1"/>
          <a:stretch/>
        </p:blipFill>
        <p:spPr>
          <a:xfrm>
            <a:off x="-2509" y="0"/>
            <a:ext cx="12197018" cy="68580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259576546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1C1A4F2-82F4-C429-9999-5476384DEA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Generative AI-værktøjer - mulighed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A68421B-E07D-82A1-55B1-86F68223F4F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da-DK"/>
              <a:t>21-10-2025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4DD3CFA-4CA9-7913-365C-4590EE0B1BC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11</a:t>
            </a:fld>
            <a:endParaRPr lang="da-DK"/>
          </a:p>
        </p:txBody>
      </p:sp>
      <p:sp>
        <p:nvSpPr>
          <p:cNvPr id="15" name="Pladsholder til indhold 2">
            <a:extLst>
              <a:ext uri="{FF2B5EF4-FFF2-40B4-BE49-F238E27FC236}">
                <a16:creationId xmlns:a16="http://schemas.microsoft.com/office/drawing/2014/main" id="{C0905A9F-05F3-A872-5E5D-4A9F813443EB}"/>
              </a:ext>
            </a:extLst>
          </p:cNvPr>
          <p:cNvSpPr txBox="1">
            <a:spLocks/>
          </p:cNvSpPr>
          <p:nvPr/>
        </p:nvSpPr>
        <p:spPr>
          <a:xfrm>
            <a:off x="6096000" y="1989138"/>
            <a:ext cx="5684837" cy="438962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da-DK" dirty="0"/>
          </a:p>
        </p:txBody>
      </p:sp>
      <p:graphicFrame>
        <p:nvGraphicFramePr>
          <p:cNvPr id="18" name="Pladsholder til indhold 2">
            <a:extLst>
              <a:ext uri="{FF2B5EF4-FFF2-40B4-BE49-F238E27FC236}">
                <a16:creationId xmlns:a16="http://schemas.microsoft.com/office/drawing/2014/main" id="{18933BD5-F60D-B627-C234-B304A267AD28}"/>
              </a:ext>
            </a:extLst>
          </p:cNvPr>
          <p:cNvGraphicFramePr>
            <a:graphicFrameLocks noGrp="1"/>
          </p:cNvGraphicFramePr>
          <p:nvPr>
            <p:ph sz="quarter" idx="19"/>
          </p:nvPr>
        </p:nvGraphicFramePr>
        <p:xfrm>
          <a:off x="411163" y="1989138"/>
          <a:ext cx="10961237" cy="38644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41067625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868B029-AB67-F0DE-DC8C-9F2D1AD231D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Generative AI-værktøjer - begrænsning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D34FB8A-703B-2797-539C-A3535CA9878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da-DK"/>
              <a:t>21-10-2025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825D497-DE3A-4125-0598-197F1E6F7B7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12</a:t>
            </a:fld>
            <a:endParaRPr lang="da-DK"/>
          </a:p>
        </p:txBody>
      </p:sp>
      <p:graphicFrame>
        <p:nvGraphicFramePr>
          <p:cNvPr id="10" name="Pladsholder til indhold 2">
            <a:extLst>
              <a:ext uri="{FF2B5EF4-FFF2-40B4-BE49-F238E27FC236}">
                <a16:creationId xmlns:a16="http://schemas.microsoft.com/office/drawing/2014/main" id="{4650FC13-36F2-4219-F0A8-94043135B378}"/>
              </a:ext>
            </a:extLst>
          </p:cNvPr>
          <p:cNvGraphicFramePr>
            <a:graphicFrameLocks noGrp="1"/>
          </p:cNvGraphicFramePr>
          <p:nvPr>
            <p:ph sz="quarter" idx="19"/>
          </p:nvPr>
        </p:nvGraphicFramePr>
        <p:xfrm>
          <a:off x="411163" y="1989138"/>
          <a:ext cx="10961237" cy="38644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6" name="Tekstfelt 5">
            <a:extLst>
              <a:ext uri="{FF2B5EF4-FFF2-40B4-BE49-F238E27FC236}">
                <a16:creationId xmlns:a16="http://schemas.microsoft.com/office/drawing/2014/main" id="{3F947A87-D3DF-A3A5-7D76-4678CF4358CD}"/>
              </a:ext>
            </a:extLst>
          </p:cNvPr>
          <p:cNvSpPr txBox="1"/>
          <p:nvPr/>
        </p:nvSpPr>
        <p:spPr>
          <a:xfrm>
            <a:off x="5962265" y="6142525"/>
            <a:ext cx="541013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* Med mindre det er et specifikt AI-litteratursøgningsværktøj.</a:t>
            </a:r>
          </a:p>
        </p:txBody>
      </p:sp>
    </p:spTree>
    <p:extLst>
      <p:ext uri="{BB962C8B-B14F-4D97-AF65-F5344CB8AC3E}">
        <p14:creationId xmlns:p14="http://schemas.microsoft.com/office/powerpoint/2010/main" val="11183605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A6E0A2C-EB57-6CA9-E558-9FBB11F0613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234C0AE-D88B-4930-96A0-FAB47048203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E99DD04-1CAB-46B1-B6FD-E0D03717DED9}" type="datetime1">
              <a:rPr lang="da-DK" smtClean="0"/>
              <a:t>04-11-2025</a:t>
            </a:fld>
            <a:endParaRPr lang="da-DK" dirty="0"/>
          </a:p>
        </p:txBody>
      </p:sp>
      <p:pic>
        <p:nvPicPr>
          <p:cNvPr id="4" name="Pladsholder til indhold 6" descr="Et billede, der indeholder tekst, skærmbillede, Website, Webside">
            <a:extLst>
              <a:ext uri="{FF2B5EF4-FFF2-40B4-BE49-F238E27FC236}">
                <a16:creationId xmlns:a16="http://schemas.microsoft.com/office/drawing/2014/main" id="{32A8A9AA-2735-0E03-3E37-543F579D1539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b="881"/>
          <a:stretch>
            <a:fillRect/>
          </a:stretch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213797476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D8C32CA-DE1D-2EA0-5AD1-25E4925F2209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C96CCDC-BF58-45E7-8A1C-D91EDAE1C39F}" type="datetime1">
              <a:rPr lang="da-DK" smtClean="0"/>
              <a:t>04-11-2025</a:t>
            </a:fld>
            <a:endParaRPr lang="da-DK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0C409EF-8983-2D9B-F50F-B7CB933D5C84}"/>
              </a:ext>
            </a:extLst>
          </p:cNvPr>
          <p:cNvSpPr txBox="1"/>
          <p:nvPr/>
        </p:nvSpPr>
        <p:spPr>
          <a:xfrm>
            <a:off x="698740" y="1243786"/>
            <a:ext cx="10794520" cy="43704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Tips når du bruger </a:t>
            </a:r>
            <a:r>
              <a:rPr lang="da-DK" sz="3600" b="1" dirty="0" err="1"/>
              <a:t>Scite</a:t>
            </a:r>
            <a:r>
              <a:rPr lang="da-DK" sz="3600" b="1" dirty="0"/>
              <a:t> </a:t>
            </a:r>
            <a:r>
              <a:rPr lang="da-DK" sz="3600" b="1" dirty="0" err="1"/>
              <a:t>ai</a:t>
            </a:r>
            <a:r>
              <a:rPr lang="da-DK" sz="3600" b="1" dirty="0"/>
              <a:t>: </a:t>
            </a:r>
            <a:br>
              <a:rPr lang="da-DK" sz="2400" b="1" dirty="0"/>
            </a:br>
            <a:endParaRPr lang="da-DK" sz="1600" dirty="0"/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400" dirty="0"/>
              <a:t>Brug en computer når du søger i scite.ai – her får du et bedre overblik over dine søgninger, end hvis du bruger en mobiltelefon.</a:t>
            </a:r>
            <a:br>
              <a:rPr lang="da-DK" sz="2400" dirty="0"/>
            </a:br>
            <a:endParaRPr lang="da-DK" sz="2400" dirty="0"/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400" dirty="0"/>
              <a:t>Undlad at citere AI – gå i stedet til den originale ressource. Dette er din sikring for at du undgår en forkert </a:t>
            </a:r>
            <a:r>
              <a:rPr lang="da-DK" sz="2400" dirty="0" err="1"/>
              <a:t>ai</a:t>
            </a:r>
            <a:r>
              <a:rPr lang="da-DK" sz="2400" dirty="0"/>
              <a:t>-fortolkning.</a:t>
            </a:r>
            <a:br>
              <a:rPr lang="da-DK" sz="2400" dirty="0"/>
            </a:br>
            <a:endParaRPr lang="da-DK" sz="2400" dirty="0"/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400" dirty="0"/>
              <a:t>Reglerne for brug af AI på SDU: </a:t>
            </a:r>
            <a:r>
              <a:rPr lang="da-DK" sz="2400" dirty="0">
                <a:hlinkClick r:id="rId2"/>
              </a:rPr>
              <a:t>https://mitsdu.dk/da/mit_studie/kandidat/jura/vejledning-og-support/aipaasdu</a:t>
            </a:r>
            <a:r>
              <a:rPr lang="da-DK" sz="2400" dirty="0"/>
              <a:t> </a:t>
            </a:r>
            <a:br>
              <a:rPr lang="da-DK" sz="2400" dirty="0"/>
            </a:br>
            <a:endParaRPr lang="da-DK" sz="2400" dirty="0"/>
          </a:p>
          <a:p>
            <a:endParaRPr lang="da-DK" sz="1600" dirty="0"/>
          </a:p>
        </p:txBody>
      </p:sp>
    </p:spTree>
    <p:extLst>
      <p:ext uri="{BB962C8B-B14F-4D97-AF65-F5344CB8AC3E}">
        <p14:creationId xmlns:p14="http://schemas.microsoft.com/office/powerpoint/2010/main" val="385355307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298257" y="717696"/>
            <a:ext cx="11379347" cy="1602672"/>
          </a:xfrm>
        </p:spPr>
        <p:txBody>
          <a:bodyPr/>
          <a:lstStyle/>
          <a:p>
            <a:pPr algn="ctr"/>
            <a:r>
              <a:rPr lang="da-DK" dirty="0"/>
              <a:t>Program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1155940" y="2139351"/>
            <a:ext cx="9799607" cy="3892430"/>
          </a:xfrm>
        </p:spPr>
        <p:txBody>
          <a:bodyPr/>
          <a:lstStyle/>
          <a:p>
            <a:pPr>
              <a:lnSpc>
                <a:spcPct val="150000"/>
              </a:lnSpc>
              <a:buFont typeface="Arial" charset="0"/>
              <a:buChar char="•"/>
            </a:pPr>
            <a:r>
              <a:rPr lang="en-US" sz="2800" b="1" dirty="0" err="1">
                <a:ea typeface="Verdana" pitchFamily="34" charset="0"/>
                <a:cs typeface="Verdana" pitchFamily="34" charset="0"/>
              </a:rPr>
              <a:t>Grundlæggende</a:t>
            </a:r>
            <a:r>
              <a:rPr lang="en-US" sz="2800" b="1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b="1" dirty="0" err="1">
                <a:ea typeface="Verdana" pitchFamily="34" charset="0"/>
                <a:cs typeface="Verdana" pitchFamily="34" charset="0"/>
              </a:rPr>
              <a:t>søgeteknik</a:t>
            </a:r>
            <a:endParaRPr lang="en-US" sz="2800" b="1" dirty="0">
              <a:ea typeface="Verdana" pitchFamily="34" charset="0"/>
              <a:cs typeface="Verdana" pitchFamily="34" charset="0"/>
            </a:endParaRPr>
          </a:p>
          <a:p>
            <a:pPr>
              <a:lnSpc>
                <a:spcPct val="150000"/>
              </a:lnSpc>
              <a:buFont typeface="Arial" charset="0"/>
              <a:buChar char="•"/>
            </a:pPr>
            <a:r>
              <a:rPr lang="en-US" sz="2800" b="1" dirty="0" err="1">
                <a:ea typeface="Verdana" pitchFamily="34" charset="0"/>
                <a:cs typeface="Verdana" pitchFamily="34" charset="0"/>
              </a:rPr>
              <a:t>Bibliotekets</a:t>
            </a:r>
            <a:r>
              <a:rPr lang="en-US" sz="2800" b="1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b="1" dirty="0" err="1">
                <a:ea typeface="Verdana" pitchFamily="34" charset="0"/>
                <a:cs typeface="Verdana" pitchFamily="34" charset="0"/>
              </a:rPr>
              <a:t>hjemmeside</a:t>
            </a:r>
            <a:endParaRPr lang="en-US" sz="2800" b="1" dirty="0">
              <a:ea typeface="Verdana" pitchFamily="34" charset="0"/>
              <a:cs typeface="Verdana" pitchFamily="34" charset="0"/>
            </a:endParaRP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Ø"/>
            </a:pP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dirty="0" err="1">
                <a:ea typeface="Verdana" pitchFamily="34" charset="0"/>
                <a:cs typeface="Verdana" pitchFamily="34" charset="0"/>
              </a:rPr>
              <a:t>Juraguiden</a:t>
            </a:r>
            <a:r>
              <a:rPr lang="en-US" sz="2800" dirty="0">
                <a:ea typeface="Verdana" pitchFamily="34" charset="0"/>
                <a:cs typeface="Verdana" pitchFamily="34" charset="0"/>
              </a:rPr>
              <a:t>: </a:t>
            </a:r>
            <a:r>
              <a:rPr lang="en-US" sz="2800" dirty="0">
                <a:ea typeface="Verdana" pitchFamily="34" charset="0"/>
                <a:cs typeface="Verdana" pitchFamily="34" charset="0"/>
                <a:hlinkClick r:id="rId3"/>
              </a:rPr>
              <a:t>https://libguides.sdu.dk/jura</a:t>
            </a: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Ø"/>
            </a:pP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dirty="0" err="1">
                <a:ea typeface="Verdana" pitchFamily="34" charset="0"/>
                <a:cs typeface="Verdana" pitchFamily="34" charset="0"/>
              </a:rPr>
              <a:t>Bibliotekets</a:t>
            </a: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dirty="0" err="1">
                <a:ea typeface="Verdana" pitchFamily="34" charset="0"/>
                <a:cs typeface="Verdana" pitchFamily="34" charset="0"/>
              </a:rPr>
              <a:t>ressourcer</a:t>
            </a: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Ø"/>
            </a:pP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dirty="0" err="1">
                <a:ea typeface="Verdana" pitchFamily="34" charset="0"/>
                <a:cs typeface="Verdana" pitchFamily="34" charset="0"/>
              </a:rPr>
              <a:t>Scite</a:t>
            </a:r>
            <a:r>
              <a:rPr lang="en-US" sz="2800" dirty="0">
                <a:ea typeface="Verdana" pitchFamily="34" charset="0"/>
                <a:cs typeface="Verdana" pitchFamily="34" charset="0"/>
              </a:rPr>
              <a:t> ai</a:t>
            </a:r>
          </a:p>
          <a:p>
            <a:pPr marL="0" indent="0">
              <a:buNone/>
            </a:pPr>
            <a:endParaRPr lang="en-US" sz="2800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9D7F6E5-B367-4E9C-9CA9-62FF49E6CF08}" type="slidenum">
              <a:rPr lang="en-US" smtClean="0"/>
              <a:pPr>
                <a:defRPr/>
              </a:pPr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86859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100">
        <p:cut/>
      </p:transition>
    </mc:Choice>
    <mc:Fallback xmlns="">
      <p:transition>
        <p:cut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8" name="Titel 1">
            <a:extLst>
              <a:ext uri="{FF2B5EF4-FFF2-40B4-BE49-F238E27FC236}">
                <a16:creationId xmlns:a16="http://schemas.microsoft.com/office/drawing/2014/main" id="{7998432E-8C6F-BACD-D0FF-F7189C7086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63040" y="404811"/>
            <a:ext cx="8747760" cy="658812"/>
          </a:xfrm>
        </p:spPr>
        <p:txBody>
          <a:bodyPr/>
          <a:lstStyle/>
          <a:p>
            <a:r>
              <a:rPr lang="da-DK" altLang="da-DK" sz="3200" dirty="0">
                <a:ea typeface="ＭＳ Ｐゴシック" panose="020B0600070205080204" pitchFamily="34" charset="-128"/>
              </a:rPr>
              <a:t>Bibliotekets hjælp til specialeskrivning	</a:t>
            </a:r>
          </a:p>
        </p:txBody>
      </p:sp>
      <p:sp>
        <p:nvSpPr>
          <p:cNvPr id="4099" name="Pladsholder til indhold 2">
            <a:extLst>
              <a:ext uri="{FF2B5EF4-FFF2-40B4-BE49-F238E27FC236}">
                <a16:creationId xmlns:a16="http://schemas.microsoft.com/office/drawing/2014/main" id="{D73D6B7E-E81D-490D-83BE-8318788B31A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63040" y="1296354"/>
            <a:ext cx="9418320" cy="5400675"/>
          </a:xfrm>
        </p:spPr>
        <p:txBody>
          <a:bodyPr/>
          <a:lstStyle/>
          <a:p>
            <a:pPr>
              <a:defRPr/>
            </a:pPr>
            <a:r>
              <a:rPr lang="da-DK" altLang="da-DK" sz="2800" b="1" dirty="0">
                <a:ea typeface="ＭＳ Ｐゴシック" panose="020B0600070205080204" pitchFamily="34" charset="-128"/>
              </a:rPr>
              <a:t> Problemformulering</a:t>
            </a:r>
            <a:r>
              <a:rPr lang="da-DK" altLang="da-DK" sz="2800" dirty="0">
                <a:ea typeface="ＭＳ Ｐゴシック" panose="020B0600070205080204" pitchFamily="34" charset="-128"/>
              </a:rPr>
              <a:t>: står I selv for</a:t>
            </a:r>
          </a:p>
          <a:p>
            <a:pPr>
              <a:defRPr/>
            </a:pPr>
            <a:endParaRPr lang="da-DK" altLang="da-DK" sz="2800" dirty="0">
              <a:ea typeface="ＭＳ Ｐゴシック" panose="020B0600070205080204" pitchFamily="34" charset="-128"/>
            </a:endParaRPr>
          </a:p>
          <a:p>
            <a:pPr>
              <a:defRPr/>
            </a:pPr>
            <a:r>
              <a:rPr lang="da-DK" altLang="da-DK" sz="2800" b="1" dirty="0">
                <a:ea typeface="ＭＳ Ｐゴシック" panose="020B0600070205080204" pitchFamily="34" charset="-128"/>
              </a:rPr>
              <a:t> Søgestrategi </a:t>
            </a:r>
          </a:p>
          <a:p>
            <a:pPr lvl="1">
              <a:defRPr/>
            </a:pPr>
            <a:r>
              <a:rPr lang="da-DK" altLang="da-DK" sz="2800" dirty="0">
                <a:ea typeface="ＭＳ Ｐゴシック" panose="020B0600070205080204" pitchFamily="34" charset="-128"/>
              </a:rPr>
              <a:t> Søgeord (3-4 vigtigste) – sprog?</a:t>
            </a:r>
          </a:p>
          <a:p>
            <a:pPr lvl="1">
              <a:defRPr/>
            </a:pPr>
            <a:r>
              <a:rPr lang="da-DK" altLang="da-DK" sz="2800" dirty="0">
                <a:ea typeface="ＭＳ Ｐゴシック" panose="020B0600070205080204" pitchFamily="34" charset="-128"/>
              </a:rPr>
              <a:t> Find synonymer, over – og underbegreber</a:t>
            </a:r>
          </a:p>
          <a:p>
            <a:pPr lvl="1">
              <a:defRPr/>
            </a:pPr>
            <a:endParaRPr lang="da-DK" altLang="da-DK" sz="2800" dirty="0">
              <a:ea typeface="ＭＳ Ｐゴシック" panose="020B0600070205080204" pitchFamily="34" charset="-128"/>
            </a:endParaRPr>
          </a:p>
          <a:p>
            <a:pPr>
              <a:defRPr/>
            </a:pPr>
            <a:r>
              <a:rPr lang="da-DK" altLang="da-DK" sz="2800" b="1" dirty="0">
                <a:ea typeface="ＭＳ Ｐゴシック" panose="020B0600070205080204" pitchFamily="34" charset="-128"/>
              </a:rPr>
              <a:t> Søgeteknik</a:t>
            </a:r>
          </a:p>
          <a:p>
            <a:pPr lvl="1">
              <a:defRPr/>
            </a:pPr>
            <a:r>
              <a:rPr lang="da-DK" altLang="da-DK" sz="2800" dirty="0">
                <a:ea typeface="ＭＳ Ｐゴシック" panose="020B0600070205080204" pitchFamily="34" charset="-128"/>
              </a:rPr>
              <a:t> </a:t>
            </a:r>
            <a:r>
              <a:rPr lang="da-DK" altLang="da-DK" sz="2800" dirty="0" err="1">
                <a:ea typeface="ＭＳ Ｐゴシック" panose="020B0600070205080204" pitchFamily="34" charset="-128"/>
              </a:rPr>
              <a:t>Boolske</a:t>
            </a:r>
            <a:r>
              <a:rPr lang="da-DK" altLang="da-DK" sz="2800" dirty="0">
                <a:ea typeface="ＭＳ Ｐゴシック" panose="020B0600070205080204" pitchFamily="34" charset="-128"/>
              </a:rPr>
              <a:t> operatorer – OG/AND – hvordan fungerer den base, der skal søges i</a:t>
            </a:r>
          </a:p>
          <a:p>
            <a:pPr lvl="1">
              <a:defRPr/>
            </a:pPr>
            <a:r>
              <a:rPr lang="da-DK" altLang="da-DK" sz="2800" dirty="0">
                <a:ea typeface="ＭＳ Ｐゴシック" panose="020B0600070205080204" pitchFamily="34" charset="-128"/>
              </a:rPr>
              <a:t> Trunkering – </a:t>
            </a:r>
            <a:r>
              <a:rPr lang="da-DK" altLang="da-DK" sz="2800" dirty="0" err="1">
                <a:ea typeface="ＭＳ Ｐゴシック" panose="020B0600070205080204" pitchFamily="34" charset="-128"/>
              </a:rPr>
              <a:t>f.eks</a:t>
            </a:r>
            <a:r>
              <a:rPr lang="da-DK" altLang="da-DK" sz="2800" dirty="0">
                <a:ea typeface="ＭＳ Ｐゴシック" panose="020B0600070205080204" pitchFamily="34" charset="-128"/>
              </a:rPr>
              <a:t> *</a:t>
            </a:r>
          </a:p>
          <a:p>
            <a:pPr marL="457200" lvl="1" indent="0">
              <a:buNone/>
              <a:defRPr/>
            </a:pPr>
            <a:endParaRPr lang="da-DK" altLang="da-DK" sz="2800" b="1" dirty="0">
              <a:ea typeface="ＭＳ Ｐゴシック" panose="020B0600070205080204" pitchFamily="34" charset="-128"/>
            </a:endParaRPr>
          </a:p>
          <a:p>
            <a:pPr marL="457200" lvl="1" indent="0">
              <a:buNone/>
              <a:defRPr/>
            </a:pPr>
            <a:endParaRPr lang="da-DK" altLang="da-DK" sz="2800" dirty="0">
              <a:ea typeface="ＭＳ Ｐゴシック" panose="020B0600070205080204" pitchFamily="34" charset="-128"/>
            </a:endParaRPr>
          </a:p>
          <a:p>
            <a:pPr>
              <a:defRPr/>
            </a:pPr>
            <a:endParaRPr lang="da-DK" altLang="da-DK" sz="2800" dirty="0">
              <a:ea typeface="ＭＳ Ｐゴシック" panose="020B0600070205080204" pitchFamily="34" charset="-128"/>
            </a:endParaRPr>
          </a:p>
        </p:txBody>
      </p:sp>
      <p:sp>
        <p:nvSpPr>
          <p:cNvPr id="4100" name="Pladsholder til dato 3">
            <a:extLst>
              <a:ext uri="{FF2B5EF4-FFF2-40B4-BE49-F238E27FC236}">
                <a16:creationId xmlns:a16="http://schemas.microsoft.com/office/drawing/2014/main" id="{BDCD15A8-8187-985B-CA1E-21B65CF3DCE8}"/>
              </a:ext>
            </a:extLst>
          </p:cNvPr>
          <p:cNvSpPr>
            <a:spLocks noGrp="1" noChangeArrowheads="1"/>
          </p:cNvSpPr>
          <p:nvPr>
            <p:ph type="dt" sz="quarter" idx="10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4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4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0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0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ClrTx/>
              <a:buFontTx/>
              <a:buNone/>
            </a:pPr>
            <a:r>
              <a:rPr lang="da-DK" altLang="da-DK" sz="1000">
                <a:solidFill>
                  <a:srgbClr val="898989"/>
                </a:solidFill>
                <a:ea typeface="ヒラギノ角ゴ ProN W3" pitchFamily="18" charset="-128"/>
              </a:rPr>
              <a:t>Juni 2009</a:t>
            </a:r>
          </a:p>
        </p:txBody>
      </p:sp>
      <p:sp>
        <p:nvSpPr>
          <p:cNvPr id="4101" name="Pladsholder til slidenummer 4">
            <a:extLst>
              <a:ext uri="{FF2B5EF4-FFF2-40B4-BE49-F238E27FC236}">
                <a16:creationId xmlns:a16="http://schemas.microsoft.com/office/drawing/2014/main" id="{87F92D6A-9ECF-07FF-8401-662FA602099C}"/>
              </a:ext>
            </a:extLst>
          </p:cNvPr>
          <p:cNvSpPr>
            <a:spLocks noGrp="1" noChangeArrowheads="1"/>
          </p:cNvSpPr>
          <p:nvPr>
            <p:ph type="sldNum" sz="quarter" idx="12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4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4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0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0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ClrTx/>
              <a:buFontTx/>
              <a:buNone/>
            </a:pPr>
            <a:fld id="{0F8E2231-6125-4B16-A862-C123FEA37D70}" type="slidenum">
              <a:rPr lang="en-US" altLang="da-DK" sz="1000">
                <a:solidFill>
                  <a:srgbClr val="898989"/>
                </a:solidFill>
                <a:ea typeface="ヒラギノ角ゴ ProN W3" pitchFamily="18" charset="-128"/>
              </a:rPr>
              <a:pPr>
                <a:spcBef>
                  <a:spcPct val="0"/>
                </a:spcBef>
                <a:buClrTx/>
                <a:buFontTx/>
                <a:buNone/>
              </a:pPr>
              <a:t>3</a:t>
            </a:fld>
            <a:endParaRPr lang="en-US" altLang="da-DK" sz="1000">
              <a:solidFill>
                <a:srgbClr val="898989"/>
              </a:solidFill>
              <a:ea typeface="ヒラギノ角ゴ ProN W3" pitchFamily="18" charset="-128"/>
            </a:endParaRPr>
          </a:p>
        </p:txBody>
      </p: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122" name="Title 24">
            <a:extLst>
              <a:ext uri="{FF2B5EF4-FFF2-40B4-BE49-F238E27FC236}">
                <a16:creationId xmlns:a16="http://schemas.microsoft.com/office/drawing/2014/main" id="{672E767A-5321-F5E0-049C-DD0B17AAC4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81200" y="274638"/>
            <a:ext cx="8229600" cy="889000"/>
          </a:xfrm>
        </p:spPr>
        <p:txBody>
          <a:bodyPr/>
          <a:lstStyle/>
          <a:p>
            <a:r>
              <a:rPr lang="da-DK" altLang="da-DK" sz="3200" dirty="0">
                <a:solidFill>
                  <a:schemeClr val="tx2"/>
                </a:solidFill>
                <a:ea typeface="ＭＳ Ｐゴシック" panose="020B0600070205080204" pitchFamily="34" charset="-128"/>
              </a:rPr>
              <a:t>Søgning</a:t>
            </a:r>
            <a:r>
              <a:rPr lang="da-DK" altLang="da-DK" dirty="0">
                <a:solidFill>
                  <a:schemeClr val="tx2"/>
                </a:solidFill>
                <a:ea typeface="ＭＳ Ｐゴシック" panose="020B0600070205080204" pitchFamily="34" charset="-128"/>
              </a:rPr>
              <a:t> - Valg af søgeredskaber</a:t>
            </a:r>
          </a:p>
        </p:txBody>
      </p:sp>
      <p:sp>
        <p:nvSpPr>
          <p:cNvPr id="5123" name="Content Placeholder 25">
            <a:extLst>
              <a:ext uri="{FF2B5EF4-FFF2-40B4-BE49-F238E27FC236}">
                <a16:creationId xmlns:a16="http://schemas.microsoft.com/office/drawing/2014/main" id="{D71302CF-8EF9-4489-9C9D-5226FB63EEC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81200" y="1236662"/>
            <a:ext cx="9479280" cy="5062537"/>
          </a:xfrm>
        </p:spPr>
        <p:txBody>
          <a:bodyPr/>
          <a:lstStyle/>
          <a:p>
            <a:pPr>
              <a:buFont typeface="Wingdings" pitchFamily="18" charset="2"/>
              <a:buChar char="§"/>
              <a:defRPr/>
            </a:pP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Hvilke materialer/kilder?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Retskilder (love, retspraksis)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Litteratur (bøger, artikler)	</a:t>
            </a:r>
          </a:p>
          <a:p>
            <a:pPr marL="504000" lvl="2" indent="0">
              <a:buNone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>
              <a:buFont typeface="Wingdings" pitchFamily="18" charset="2"/>
              <a:buChar char="§"/>
              <a:defRPr/>
            </a:pP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Sprog? 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Dansk ret, nordisk, </a:t>
            </a:r>
            <a:r>
              <a:rPr lang="da-DK" sz="1800" dirty="0" err="1">
                <a:solidFill>
                  <a:schemeClr val="tx2"/>
                </a:solidFill>
                <a:ea typeface="ＭＳ Ｐゴシック" pitchFamily="18" charset="-128"/>
              </a:rPr>
              <a:t>Eu-ret</a:t>
            </a: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, international ret</a:t>
            </a:r>
          </a:p>
          <a:p>
            <a:pPr marL="504000" lvl="2" indent="0">
              <a:buNone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>
              <a:defRPr/>
            </a:pP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Bibliotekskataloger og databaser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Mimer (bibliotekets søgebrønd)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Elektroniske tidsskrifter – liste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Bibliotek.dk (bøger og artikler i DK)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Databaser - via Jura Guide – se fanebladene foroven – databaser (alle) eller under emnerne       </a:t>
            </a:r>
          </a:p>
          <a:p>
            <a:pPr lvl="2"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De vigtigste: </a:t>
            </a:r>
          </a:p>
          <a:p>
            <a:pPr marL="504000" lvl="2" indent="0">
              <a:buNone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	</a:t>
            </a: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Dansk litteratur</a:t>
            </a: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: </a:t>
            </a:r>
            <a:r>
              <a:rPr lang="da-DK" sz="1800" dirty="0" err="1">
                <a:solidFill>
                  <a:schemeClr val="tx2"/>
                </a:solidFill>
                <a:ea typeface="ＭＳ Ｐゴシック" pitchFamily="18" charset="-128"/>
              </a:rPr>
              <a:t>Karnov</a:t>
            </a: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, Jurabibliotek.dk, Schultz Lovportaler, Synopsis</a:t>
            </a:r>
          </a:p>
          <a:p>
            <a:pPr marL="504000" lvl="2" indent="0">
              <a:buNone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	</a:t>
            </a: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International litteratur:  </a:t>
            </a:r>
            <a:r>
              <a:rPr lang="da-DK" sz="1800" dirty="0" err="1">
                <a:solidFill>
                  <a:schemeClr val="tx2"/>
                </a:solidFill>
                <a:ea typeface="ＭＳ Ｐゴシック" pitchFamily="18" charset="-128"/>
              </a:rPr>
              <a:t>HeinOnline</a:t>
            </a: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 lvl="2">
              <a:buFont typeface="Wingdings" pitchFamily="18" charset="2"/>
              <a:buChar char="§"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 marL="914400" lvl="2" indent="0">
              <a:buNone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 marL="914400" lvl="2" indent="0">
              <a:buNone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</p:txBody>
      </p:sp>
    </p:spTree>
  </p:cSld>
  <p:clrMapOvr>
    <a:masterClrMapping/>
  </p:clrMapOvr>
  <p:transition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402253" y="619533"/>
            <a:ext cx="11379347" cy="1602672"/>
          </a:xfrm>
        </p:spPr>
        <p:txBody>
          <a:bodyPr/>
          <a:lstStyle/>
          <a:p>
            <a:pPr algn="ctr"/>
            <a:r>
              <a:rPr lang="da-DK" dirty="0" err="1"/>
              <a:t>Boolske</a:t>
            </a:r>
            <a:r>
              <a:rPr lang="da-DK" dirty="0"/>
              <a:t> Operatorer: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499827" y="1927801"/>
            <a:ext cx="11371200" cy="3572519"/>
          </a:xfrm>
        </p:spPr>
        <p:txBody>
          <a:bodyPr/>
          <a:lstStyle/>
          <a:p>
            <a:pPr marL="0" indent="0">
              <a:lnSpc>
                <a:spcPct val="100000"/>
              </a:lnSpc>
              <a:buNone/>
            </a:pPr>
            <a:r>
              <a:rPr lang="en-US" sz="2400" b="1" dirty="0" err="1"/>
              <a:t>Boolske</a:t>
            </a:r>
            <a:r>
              <a:rPr lang="en-US" sz="2400" b="1" dirty="0"/>
              <a:t> </a:t>
            </a:r>
            <a:r>
              <a:rPr lang="en-US" sz="2400" b="1" dirty="0" err="1"/>
              <a:t>Operatorer</a:t>
            </a:r>
            <a:r>
              <a:rPr lang="en-US" sz="2400" b="1" dirty="0"/>
              <a:t> </a:t>
            </a:r>
            <a:r>
              <a:rPr lang="en-US" sz="2400" b="1" dirty="0" err="1"/>
              <a:t>bruges</a:t>
            </a:r>
            <a:r>
              <a:rPr lang="en-US" sz="2400" b="1" dirty="0"/>
              <a:t> til at </a:t>
            </a:r>
            <a:r>
              <a:rPr lang="en-US" sz="2400" b="1" dirty="0" err="1"/>
              <a:t>forbedre</a:t>
            </a:r>
            <a:r>
              <a:rPr lang="en-US" sz="2400" b="1" dirty="0"/>
              <a:t> din </a:t>
            </a:r>
            <a:r>
              <a:rPr lang="en-US" sz="2400" b="1" dirty="0" err="1"/>
              <a:t>søgning</a:t>
            </a:r>
            <a:endParaRPr lang="en-US" sz="2400" b="1" dirty="0"/>
          </a:p>
          <a:p>
            <a:pPr marL="0" indent="0">
              <a:lnSpc>
                <a:spcPct val="100000"/>
              </a:lnSpc>
              <a:buNone/>
            </a:pPr>
            <a:endParaRPr lang="da-DK" sz="2400" dirty="0"/>
          </a:p>
          <a:p>
            <a:pPr>
              <a:lnSpc>
                <a:spcPct val="100000"/>
              </a:lnSpc>
              <a:buFont typeface="Wingdings" panose="05000000000000000000" pitchFamily="2" charset="2"/>
              <a:buChar char="v"/>
            </a:pPr>
            <a:r>
              <a:rPr lang="da-DK" sz="2400" b="1" dirty="0"/>
              <a:t> AND </a:t>
            </a:r>
            <a:r>
              <a:rPr lang="da-DK" sz="2400" dirty="0"/>
              <a:t>afgrænser dit søgeresultat, da ALLE søgeord skal indgå i databasens resultatvisning</a:t>
            </a:r>
            <a:r>
              <a:rPr lang="en-US" sz="2400" dirty="0"/>
              <a:t> </a:t>
            </a:r>
            <a:br>
              <a:rPr lang="en-US" sz="2400" dirty="0"/>
            </a:br>
            <a:endParaRPr lang="da-DK" sz="2400" dirty="0"/>
          </a:p>
          <a:p>
            <a:pPr>
              <a:lnSpc>
                <a:spcPct val="100000"/>
              </a:lnSpc>
              <a:buFont typeface="Wingdings" panose="05000000000000000000" pitchFamily="2" charset="2"/>
              <a:buChar char="v"/>
            </a:pPr>
            <a:r>
              <a:rPr lang="da-DK" sz="2400" b="1" dirty="0"/>
              <a:t> OR </a:t>
            </a:r>
            <a:r>
              <a:rPr lang="da-DK" sz="2400" dirty="0"/>
              <a:t>udvider dit søgeresultat. </a:t>
            </a:r>
            <a:r>
              <a:rPr lang="da-DK" sz="2400" b="1" dirty="0"/>
              <a:t>OR </a:t>
            </a:r>
            <a:r>
              <a:rPr lang="da-DK" sz="2400" dirty="0"/>
              <a:t>forbinder to eller flere termer (synonymer). Her skal kun et enkelt af søgetermerne indgå i databasens resultatvisning</a:t>
            </a:r>
            <a:br>
              <a:rPr lang="en-US" sz="2400" dirty="0"/>
            </a:br>
            <a:endParaRPr lang="da-DK" sz="2400" dirty="0"/>
          </a:p>
          <a:p>
            <a:pPr>
              <a:lnSpc>
                <a:spcPct val="100000"/>
              </a:lnSpc>
              <a:buFont typeface="Wingdings" panose="05000000000000000000" pitchFamily="2" charset="2"/>
              <a:buChar char="v"/>
            </a:pPr>
            <a:r>
              <a:rPr lang="da-DK" sz="2400" b="1" dirty="0"/>
              <a:t> NOT </a:t>
            </a:r>
            <a:r>
              <a:rPr lang="da-DK" sz="2400" dirty="0"/>
              <a:t>afgrænser dit søgeresultat og udelukker ord fra din søgning.</a:t>
            </a:r>
            <a:endParaRPr lang="en-US" sz="2400" dirty="0"/>
          </a:p>
          <a:p>
            <a:pPr>
              <a:lnSpc>
                <a:spcPct val="100000"/>
              </a:lnSpc>
            </a:pPr>
            <a:endParaRPr lang="da-DK" sz="2400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9D7F6E5-B367-4E9C-9CA9-62FF49E6CF08}" type="slidenum">
              <a:rPr lang="en-US" smtClean="0"/>
              <a:pPr>
                <a:defRPr/>
              </a:pPr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801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0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CCD9291-2DB2-E9C9-12AB-9DA231F6B36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8A01AA1-8AD9-4BA5-A142-7642E4F1CB08}" type="datetime1">
              <a:rPr lang="da-DK" smtClean="0"/>
              <a:t>04-11-2025</a:t>
            </a:fld>
            <a:endParaRPr lang="da-DK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4308B644-8D9C-D09F-D8C2-B00E3CDD0B9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46028" y="22818"/>
            <a:ext cx="9144000" cy="68123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465462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406326" y="826228"/>
            <a:ext cx="11379347" cy="1602672"/>
          </a:xfrm>
        </p:spPr>
        <p:txBody>
          <a:bodyPr/>
          <a:lstStyle/>
          <a:p>
            <a:pPr algn="ctr"/>
            <a:r>
              <a:rPr lang="da-DK" dirty="0"/>
              <a:t>Trunkering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721240" y="1627564"/>
            <a:ext cx="10749517" cy="3883995"/>
          </a:xfrm>
        </p:spPr>
        <p:txBody>
          <a:bodyPr/>
          <a:lstStyle/>
          <a:p>
            <a:pPr marL="0" indent="0">
              <a:buNone/>
            </a:pPr>
            <a:r>
              <a:rPr lang="da-DK" sz="2800" dirty="0"/>
              <a:t>Trunkering er ofte </a:t>
            </a:r>
            <a:r>
              <a:rPr lang="da-DK" sz="2800" b="1" dirty="0"/>
              <a:t>*</a:t>
            </a:r>
            <a:r>
              <a:rPr lang="da-DK" sz="2800" dirty="0"/>
              <a:t> eller </a:t>
            </a:r>
            <a:r>
              <a:rPr lang="da-DK" sz="2800" b="1" dirty="0"/>
              <a:t>? </a:t>
            </a:r>
            <a:br>
              <a:rPr lang="da-DK" sz="2800" b="1" dirty="0"/>
            </a:br>
            <a:r>
              <a:rPr lang="da-DK" sz="2000" dirty="0"/>
              <a:t>(Undersøg i den enkelte database)</a:t>
            </a:r>
            <a:br>
              <a:rPr lang="da-DK" sz="2800" b="1" u="sng" dirty="0"/>
            </a:br>
            <a:endParaRPr lang="da-DK" sz="2800" b="1" u="sng" dirty="0"/>
          </a:p>
          <a:p>
            <a:pPr marL="252000" lvl="1" indent="0">
              <a:buNone/>
            </a:pPr>
            <a:r>
              <a:rPr lang="en-US" sz="2600" b="1" u="sng" dirty="0" err="1"/>
              <a:t>crim</a:t>
            </a:r>
            <a:r>
              <a:rPr lang="en-US" sz="2600" b="1" u="sng" dirty="0"/>
              <a:t>* </a:t>
            </a:r>
            <a:r>
              <a:rPr lang="en-US" sz="2600" u="sng" dirty="0"/>
              <a:t>giver </a:t>
            </a:r>
            <a:r>
              <a:rPr lang="en-US" sz="2600" u="sng" dirty="0" err="1"/>
              <a:t>følgende</a:t>
            </a:r>
            <a:r>
              <a:rPr lang="en-US" sz="2600" u="sng" dirty="0"/>
              <a:t> </a:t>
            </a:r>
            <a:r>
              <a:rPr lang="en-US" sz="2600" u="sng" dirty="0" err="1"/>
              <a:t>resultater</a:t>
            </a:r>
            <a:r>
              <a:rPr lang="en-US" sz="2600" u="sng" dirty="0"/>
              <a:t>:</a:t>
            </a:r>
            <a:br>
              <a:rPr lang="en-US" sz="2600" dirty="0"/>
            </a:br>
            <a:r>
              <a:rPr lang="en-US" sz="2600" dirty="0"/>
              <a:t>crime</a:t>
            </a:r>
            <a:br>
              <a:rPr lang="en-US" sz="2600" dirty="0"/>
            </a:br>
            <a:r>
              <a:rPr lang="en-US" sz="2600" dirty="0"/>
              <a:t>crimes</a:t>
            </a:r>
            <a:br>
              <a:rPr lang="en-US" sz="2600" dirty="0"/>
            </a:br>
            <a:r>
              <a:rPr lang="en-US" sz="2600" dirty="0"/>
              <a:t>criminal</a:t>
            </a:r>
            <a:br>
              <a:rPr lang="en-US" sz="2600" dirty="0"/>
            </a:br>
            <a:r>
              <a:rPr lang="en-US" sz="2600" dirty="0"/>
              <a:t>criminals</a:t>
            </a:r>
            <a:br>
              <a:rPr lang="en-US" sz="2600" dirty="0"/>
            </a:br>
            <a:r>
              <a:rPr lang="en-US" sz="2600" dirty="0"/>
              <a:t>criminality</a:t>
            </a:r>
          </a:p>
          <a:p>
            <a:endParaRPr lang="da-DK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9D7F6E5-B367-4E9C-9CA9-62FF49E6CF08}" type="slidenum">
              <a:rPr lang="en-US" smtClean="0"/>
              <a:pPr>
                <a:defRPr/>
              </a:pPr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291384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67A524-AF91-1514-842E-E026A5282A8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6095" y="318739"/>
            <a:ext cx="11379347" cy="1602672"/>
          </a:xfrm>
        </p:spPr>
        <p:txBody>
          <a:bodyPr/>
          <a:lstStyle/>
          <a:p>
            <a:pPr algn="ctr"/>
            <a:r>
              <a:rPr lang="da-DK" dirty="0"/>
              <a:t>Bliv informationskompet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3C7D657-B945-CAE5-A6A8-62F060F6C64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551898" y="6009529"/>
            <a:ext cx="9402919" cy="529732"/>
          </a:xfrm>
        </p:spPr>
        <p:txBody>
          <a:bodyPr/>
          <a:lstStyle/>
          <a:p>
            <a:pPr lvl="3" algn="ctr"/>
            <a:r>
              <a:rPr lang="da-DK" sz="2000" dirty="0">
                <a:hlinkClick r:id="rId2"/>
              </a:rPr>
              <a:t>https://mitsdu.dk/-/media/files/bibliotek/bliv-informationskompetent.pdf</a:t>
            </a:r>
            <a:r>
              <a:rPr lang="da-DK" sz="2000" dirty="0"/>
              <a:t>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A5770B0-E41E-93F2-C78E-078C5C06C1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r>
              <a:rPr lang="da-DK"/>
              <a:t>November 2011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25851FB-DB36-91CD-1433-FCFDF5483C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9D7F6E5-B367-4E9C-9CA9-62FF49E6CF08}" type="slidenum">
              <a:rPr lang="en-US" smtClean="0"/>
              <a:pPr>
                <a:defRPr/>
              </a:pPr>
              <a:t>8</a:t>
            </a:fld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40D13D9-6C76-A6B6-498E-1DFF34B6980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83280" y="912672"/>
            <a:ext cx="5222240" cy="48992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0596115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00E23E-9D11-99E9-CC04-0175BAE08B6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61494" y="383703"/>
            <a:ext cx="10069011" cy="2601037"/>
          </a:xfrm>
        </p:spPr>
        <p:txBody>
          <a:bodyPr/>
          <a:lstStyle/>
          <a:p>
            <a:pPr algn="ctr"/>
            <a:r>
              <a:rPr lang="da-DK" dirty="0"/>
              <a:t>Live – links:</a:t>
            </a:r>
            <a:br>
              <a:rPr lang="da-DK" dirty="0"/>
            </a:b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E5FCC15-57B9-E147-FA2E-2FECD17733D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B0D3D97-2CB2-4EB3-87E1-3816339D9964}" type="datetime1">
              <a:rPr lang="da-DK" smtClean="0"/>
              <a:t>04-11-2025</a:t>
            </a:fld>
            <a:endParaRPr lang="da-DK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88430B72-8E17-7107-2EE2-63930CB42164}"/>
              </a:ext>
            </a:extLst>
          </p:cNvPr>
          <p:cNvSpPr txBox="1"/>
          <p:nvPr/>
        </p:nvSpPr>
        <p:spPr>
          <a:xfrm>
            <a:off x="2846718" y="2235443"/>
            <a:ext cx="4209691" cy="30777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4000" dirty="0">
                <a:hlinkClick r:id="rId2"/>
              </a:rPr>
              <a:t>MitSDU.dk/</a:t>
            </a:r>
            <a:r>
              <a:rPr lang="da-DK" sz="4000" dirty="0" err="1">
                <a:hlinkClick r:id="rId2"/>
              </a:rPr>
              <a:t>bib</a:t>
            </a:r>
            <a:endParaRPr lang="da-DK" sz="4000" dirty="0"/>
          </a:p>
          <a:p>
            <a:r>
              <a:rPr lang="da-DK" sz="4000" dirty="0">
                <a:hlinkClick r:id="rId3"/>
              </a:rPr>
              <a:t>Mimer</a:t>
            </a:r>
            <a:endParaRPr lang="da-DK" sz="4000" dirty="0"/>
          </a:p>
          <a:p>
            <a:r>
              <a:rPr lang="da-DK" sz="4000" dirty="0">
                <a:hlinkClick r:id="rId4"/>
              </a:rPr>
              <a:t>A-Z Databaseliste</a:t>
            </a:r>
            <a:endParaRPr lang="da-DK" sz="4000" dirty="0"/>
          </a:p>
          <a:p>
            <a:r>
              <a:rPr lang="da-DK" sz="4000" dirty="0" err="1">
                <a:hlinkClick r:id="rId5"/>
              </a:rPr>
              <a:t>LibGuides</a:t>
            </a:r>
            <a:endParaRPr lang="da-DK" sz="4000" dirty="0"/>
          </a:p>
          <a:p>
            <a:r>
              <a:rPr lang="da-DK" sz="4000" dirty="0">
                <a:solidFill>
                  <a:schemeClr val="accent6">
                    <a:lumMod val="60000"/>
                    <a:lumOff val="40000"/>
                  </a:schemeClr>
                </a:solidFill>
                <a:hlinkClick r:id="rId6"/>
              </a:rPr>
              <a:t>Juraguiden</a:t>
            </a:r>
            <a:endParaRPr lang="da-DK" sz="4000" dirty="0">
              <a:solidFill>
                <a:schemeClr val="accent6">
                  <a:lumMod val="60000"/>
                  <a:lumOff val="4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16575784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3874ABC-2065-4A7D-A58C-B9BA277BFB16}">
  <ds:schemaRefs/>
</ds:datastoreItem>
</file>

<file path=customXml/itemProps2.xml><?xml version="1.0" encoding="utf-8"?>
<ds:datastoreItem xmlns:ds="http://schemas.openxmlformats.org/officeDocument/2006/customXml" ds:itemID="{8A405656-6C4F-4C73-958C-1744EC0D04F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52</TotalTime>
  <Words>525</Words>
  <Application>Microsoft Office PowerPoint</Application>
  <PresentationFormat>Widescreen</PresentationFormat>
  <Paragraphs>99</Paragraphs>
  <Slides>14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4</vt:i4>
      </vt:variant>
    </vt:vector>
  </HeadingPairs>
  <TitlesOfParts>
    <vt:vector size="20" baseType="lpstr">
      <vt:lpstr>ＭＳ Ｐゴシック</vt:lpstr>
      <vt:lpstr>Arial</vt:lpstr>
      <vt:lpstr>Verdana</vt:lpstr>
      <vt:lpstr>Wingdings</vt:lpstr>
      <vt:lpstr>ヒラギノ角ゴ ProN W3</vt:lpstr>
      <vt:lpstr>Blank</vt:lpstr>
      <vt:lpstr>   Juraspeciale       2025 </vt:lpstr>
      <vt:lpstr>Program</vt:lpstr>
      <vt:lpstr>Bibliotekets hjælp til specialeskrivning </vt:lpstr>
      <vt:lpstr>Søgning - Valg af søgeredskaber</vt:lpstr>
      <vt:lpstr>Boolske Operatorer:</vt:lpstr>
      <vt:lpstr>PowerPoint-præsentation</vt:lpstr>
      <vt:lpstr>Trunkering</vt:lpstr>
      <vt:lpstr>Bliv informationskompetent</vt:lpstr>
      <vt:lpstr>Live – links: </vt:lpstr>
      <vt:lpstr>PowerPoint-præsentation</vt:lpstr>
      <vt:lpstr>Generative AI-værktøjer - muligheder</vt:lpstr>
      <vt:lpstr>Generative AI-værktøjer - begrænsninger</vt:lpstr>
      <vt:lpstr>PowerPoint-præsentation</vt:lpstr>
      <vt:lpstr>PowerPoint-præ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>Line Laursen Corydon</cp:lastModifiedBy>
  <cp:revision>2</cp:revision>
  <dcterms:created xsi:type="dcterms:W3CDTF">2024-06-18T13:45:42Z</dcterms:created>
  <dcterms:modified xsi:type="dcterms:W3CDTF">2025-11-04T11:57:5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11329341999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